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1929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i9706089\Desktop\統計書2021(R3)\02完了分\第3章 農業・漁業\01公表用\"/>
    </mc:Choice>
  </mc:AlternateContent>
  <xr:revisionPtr revIDLastSave="0" documentId="13_ncr:1_{AC5001A1-E522-4DFD-864A-0A4E7005079A}" xr6:coauthVersionLast="44" xr6:coauthVersionMax="44" xr10:uidLastSave="{00000000-0000-0000-0000-000000000000}"/>
  <bookViews>
    <workbookView xWindow="-108" yWindow="-108" windowWidth="23256" windowHeight="12576" xr2:uid="{00000000-000D-0000-FFFF-FFFF00000000}"/>
  </bookViews>
  <sheets>
    <sheet name="1-2  年齢区分別・男女別農業～" sheetId="1" r:id="rId1"/>
  </sheets>
  <definedNames>
    <definedName name="_xlnm._FilterDatabase" localSheetId="0" hidden="1">'1-2  年齢区分別・男女別農業～'!$A$5:$R$54</definedName>
    <definedName name="_xlnm.Print_Area" localSheetId="0">'1-2  年齢区分別・男女別農業～'!$A$1:$R$55</definedName>
    <definedName name="_xlnm.Print_Titles" localSheetId="0">'1-2  年齢区分別・男女別農業～'!$1:$5</definedName>
  </definedNames>
  <calcPr calcId="171027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39" uniqueCount="39">
  <si>
    <t>１－２　年齢区分別・男女別農業世帯員数</t>
    <rPh sb="4" eb="6">
      <t>ネンレイ</t>
    </rPh>
    <rPh sb="6" eb="8">
      <t>クブン</t>
    </rPh>
    <rPh sb="8" eb="9">
      <t>ベツ</t>
    </rPh>
    <rPh sb="10" eb="13">
      <t>ダンジョベツ</t>
    </rPh>
    <rPh sb="13" eb="15">
      <t>ノウギョウ</t>
    </rPh>
    <rPh sb="15" eb="17">
      <t>セタイ</t>
    </rPh>
    <rPh sb="17" eb="18">
      <t>イン</t>
    </rPh>
    <rPh sb="18" eb="19">
      <t>スウ</t>
    </rPh>
    <phoneticPr fontId="4"/>
  </si>
  <si>
    <t>資料：北海道農業基本調査結果報告書、農業センサス、農林業センサス、世界農林業センサス、北海道統計</t>
    <rPh sb="0" eb="2">
      <t>シリョウ</t>
    </rPh>
    <phoneticPr fontId="4"/>
  </si>
  <si>
    <t>（各年２月１日現在　単位:人）</t>
    <rPh sb="1" eb="3">
      <t>カクネン</t>
    </rPh>
    <rPh sb="4" eb="5">
      <t>ガツ</t>
    </rPh>
    <rPh sb="6" eb="7">
      <t>ニチ</t>
    </rPh>
    <rPh sb="7" eb="9">
      <t>ゲンザイ</t>
    </rPh>
    <rPh sb="10" eb="12">
      <t>タンイ</t>
    </rPh>
    <rPh sb="13" eb="14">
      <t>ニン</t>
    </rPh>
    <phoneticPr fontId="4"/>
  </si>
  <si>
    <t>西暦</t>
    <rPh sb="0" eb="2">
      <t>セイレキ</t>
    </rPh>
    <phoneticPr fontId="4"/>
  </si>
  <si>
    <t>和歴</t>
    <rPh sb="0" eb="1">
      <t>ワ</t>
    </rPh>
    <rPh sb="1" eb="2">
      <t>レキ</t>
    </rPh>
    <phoneticPr fontId="4"/>
  </si>
  <si>
    <t>地区</t>
    <rPh sb="0" eb="2">
      <t>チク</t>
    </rPh>
    <phoneticPr fontId="4"/>
  </si>
  <si>
    <t>世帯員総数</t>
    <rPh sb="0" eb="3">
      <t>セタイイン</t>
    </rPh>
    <rPh sb="3" eb="5">
      <t>ソウスウ</t>
    </rPh>
    <phoneticPr fontId="4"/>
  </si>
  <si>
    <t>１４歳以下</t>
    <rPh sb="2" eb="3">
      <t>サイ</t>
    </rPh>
    <rPh sb="3" eb="5">
      <t>イカ</t>
    </rPh>
    <phoneticPr fontId="4"/>
  </si>
  <si>
    <t>１５～２９歳</t>
    <rPh sb="5" eb="6">
      <t>サイ</t>
    </rPh>
    <phoneticPr fontId="4"/>
  </si>
  <si>
    <t>３０～５９歳</t>
    <rPh sb="5" eb="6">
      <t>サイ</t>
    </rPh>
    <phoneticPr fontId="4"/>
  </si>
  <si>
    <t>６０歳以上</t>
    <rPh sb="2" eb="3">
      <t>サイ</t>
    </rPh>
    <rPh sb="3" eb="5">
      <t>イジョウ</t>
    </rPh>
    <phoneticPr fontId="4"/>
  </si>
  <si>
    <t>総　数</t>
    <rPh sb="0" eb="3">
      <t>ソウスウ</t>
    </rPh>
    <phoneticPr fontId="4"/>
  </si>
  <si>
    <t>男</t>
    <rPh sb="0" eb="1">
      <t>オトコ</t>
    </rPh>
    <phoneticPr fontId="4"/>
  </si>
  <si>
    <t>女</t>
    <rPh sb="0" eb="1">
      <t>オンナ</t>
    </rPh>
    <phoneticPr fontId="4"/>
  </si>
  <si>
    <t>昭和55年</t>
    <rPh sb="0" eb="2">
      <t>ショウワ</t>
    </rPh>
    <phoneticPr fontId="4"/>
  </si>
  <si>
    <t>石狩町</t>
    <rPh sb="0" eb="2">
      <t>イシカリ</t>
    </rPh>
    <rPh sb="2" eb="3">
      <t>マチ</t>
    </rPh>
    <phoneticPr fontId="4"/>
  </si>
  <si>
    <t>厚田村</t>
    <rPh sb="0" eb="2">
      <t>ア</t>
    </rPh>
    <rPh sb="2" eb="3">
      <t>ムラ</t>
    </rPh>
    <phoneticPr fontId="4"/>
  </si>
  <si>
    <t>浜益村</t>
    <rPh sb="0" eb="2">
      <t>ｈ</t>
    </rPh>
    <rPh sb="2" eb="3">
      <t>ムラ</t>
    </rPh>
    <phoneticPr fontId="4"/>
  </si>
  <si>
    <t>昭和56年</t>
    <rPh sb="0" eb="2">
      <t>ショウワ</t>
    </rPh>
    <phoneticPr fontId="4"/>
  </si>
  <si>
    <t>昭和57年</t>
    <rPh sb="0" eb="2">
      <t>ショウワ</t>
    </rPh>
    <phoneticPr fontId="4"/>
  </si>
  <si>
    <t>昭和58年</t>
    <rPh sb="0" eb="2">
      <t>ショウワ</t>
    </rPh>
    <phoneticPr fontId="4"/>
  </si>
  <si>
    <t>昭和59年</t>
    <rPh sb="0" eb="2">
      <t>ショウワ</t>
    </rPh>
    <phoneticPr fontId="4"/>
  </si>
  <si>
    <t>昭和60年</t>
    <rPh sb="0" eb="2">
      <t>ショウワ</t>
    </rPh>
    <phoneticPr fontId="4"/>
  </si>
  <si>
    <t>昭和63年</t>
    <rPh sb="0" eb="2">
      <t>ｓ</t>
    </rPh>
    <phoneticPr fontId="4"/>
  </si>
  <si>
    <t>平成 2年</t>
    <rPh sb="0" eb="2">
      <t>ｈ</t>
    </rPh>
    <rPh sb="4" eb="5">
      <t>ネン</t>
    </rPh>
    <phoneticPr fontId="4"/>
  </si>
  <si>
    <t>平成 5年</t>
    <rPh sb="0" eb="2">
      <t>ｈ</t>
    </rPh>
    <rPh sb="4" eb="5">
      <t>ネン</t>
    </rPh>
    <phoneticPr fontId="4"/>
  </si>
  <si>
    <t>*</t>
  </si>
  <si>
    <t>平成 7年</t>
    <rPh sb="0" eb="2">
      <t>ｈ</t>
    </rPh>
    <rPh sb="4" eb="5">
      <t>ネン</t>
    </rPh>
    <phoneticPr fontId="4"/>
  </si>
  <si>
    <t>平成10年</t>
    <rPh sb="0" eb="2">
      <t>ｈ</t>
    </rPh>
    <rPh sb="4" eb="5">
      <t>ネン</t>
    </rPh>
    <phoneticPr fontId="4"/>
  </si>
  <si>
    <t>石狩市</t>
    <rPh sb="0" eb="3">
      <t>イ</t>
    </rPh>
    <phoneticPr fontId="4"/>
  </si>
  <si>
    <t>平成12年</t>
    <rPh sb="0" eb="2">
      <t>ｈ</t>
    </rPh>
    <rPh sb="4" eb="5">
      <t>ネン</t>
    </rPh>
    <phoneticPr fontId="4"/>
  </si>
  <si>
    <t>平成17年</t>
    <rPh sb="0" eb="2">
      <t>ｈ</t>
    </rPh>
    <rPh sb="4" eb="5">
      <t>ネン</t>
    </rPh>
    <phoneticPr fontId="4"/>
  </si>
  <si>
    <t>石狩地区</t>
    <rPh sb="0" eb="2">
      <t>イシカリ</t>
    </rPh>
    <rPh sb="2" eb="4">
      <t>チク</t>
    </rPh>
    <phoneticPr fontId="4"/>
  </si>
  <si>
    <t>厚田区</t>
    <rPh sb="0" eb="2">
      <t>ア</t>
    </rPh>
    <rPh sb="2" eb="3">
      <t>ク</t>
    </rPh>
    <phoneticPr fontId="4"/>
  </si>
  <si>
    <t>浜益区</t>
    <rPh sb="0" eb="2">
      <t>ｈ</t>
    </rPh>
    <rPh sb="2" eb="3">
      <t>ク</t>
    </rPh>
    <phoneticPr fontId="4"/>
  </si>
  <si>
    <t>平成22年</t>
    <rPh sb="0" eb="2">
      <t>ｈ</t>
    </rPh>
    <rPh sb="4" eb="5">
      <t>ネン</t>
    </rPh>
    <phoneticPr fontId="4"/>
  </si>
  <si>
    <t>平成27年</t>
    <rPh sb="0" eb="2">
      <t>ｈ</t>
    </rPh>
    <rPh sb="4" eb="5">
      <t>ネン</t>
    </rPh>
    <phoneticPr fontId="4"/>
  </si>
  <si>
    <t>※2000年（平成12年）までは総農家、2005年（平成17年）以降は販売農家とする。</t>
    <rPh sb="5" eb="6">
      <t>ネン</t>
    </rPh>
    <rPh sb="7" eb="9">
      <t>ｈ</t>
    </rPh>
    <rPh sb="11" eb="12">
      <t>ネン</t>
    </rPh>
    <rPh sb="16" eb="17">
      <t>ソウ</t>
    </rPh>
    <rPh sb="17" eb="19">
      <t>ノウカ</t>
    </rPh>
    <rPh sb="24" eb="25">
      <t>ネン</t>
    </rPh>
    <rPh sb="26" eb="28">
      <t>ヘイセイ</t>
    </rPh>
    <rPh sb="30" eb="31">
      <t>ネン</t>
    </rPh>
    <rPh sb="32" eb="34">
      <t>イコウ</t>
    </rPh>
    <rPh sb="35" eb="37">
      <t>ハンバイ</t>
    </rPh>
    <rPh sb="37" eb="39">
      <t>ノウカ</t>
    </rPh>
    <phoneticPr fontId="4"/>
  </si>
  <si>
    <t>令和2年</t>
    <rPh sb="0" eb="2">
      <t>レイワ</t>
    </rPh>
    <rPh sb="3" eb="4">
      <t>ネン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000&quot;年&quot;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b/>
      <sz val="16"/>
      <name val="ＭＳ 明朝"/>
      <family val="1"/>
      <charset val="128"/>
    </font>
    <font>
      <sz val="6"/>
      <name val="ＭＳ 明朝"/>
      <family val="1"/>
      <charset val="128"/>
    </font>
    <font>
      <sz val="6"/>
      <name val="ＭＳ Ｐ明朝"/>
      <family val="1"/>
      <charset val="128"/>
    </font>
    <font>
      <sz val="10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59">
    <border>
      <left/>
      <right/>
      <top/>
      <bottom/>
      <diagonal/>
    </border>
    <border>
      <left style="medium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/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 style="medium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medium">
        <color indexed="64"/>
      </right>
      <top/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/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/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</borders>
  <cellStyleXfs count="1">
    <xf numFmtId="0" fontId="0" fillId="0" borderId="0"/>
  </cellStyleXfs>
  <cellXfs count="110">
    <xf numFmtId="0" fontId="0" fillId="0" borderId="0" xfId="0"/>
    <xf numFmtId="0" fontId="2" fillId="0" borderId="0" xfId="0" applyFont="1"/>
    <xf numFmtId="0" fontId="1" fillId="0" borderId="0" xfId="0" applyFont="1" applyAlignment="1">
      <alignment vertical="center"/>
    </xf>
    <xf numFmtId="0" fontId="0" fillId="0" borderId="12" xfId="0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10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0" fillId="0" borderId="15" xfId="0" applyBorder="1" applyAlignment="1">
      <alignment horizontal="center" vertical="center"/>
    </xf>
    <xf numFmtId="0" fontId="0" fillId="0" borderId="16" xfId="0" applyBorder="1" applyAlignment="1">
      <alignment horizontal="center" vertical="center"/>
    </xf>
    <xf numFmtId="0" fontId="0" fillId="0" borderId="19" xfId="0" applyFont="1" applyBorder="1" applyAlignment="1">
      <alignment horizontal="center" vertical="center"/>
    </xf>
    <xf numFmtId="3" fontId="0" fillId="0" borderId="20" xfId="0" applyNumberFormat="1" applyBorder="1" applyAlignment="1">
      <alignment vertical="center"/>
    </xf>
    <xf numFmtId="3" fontId="0" fillId="0" borderId="21" xfId="0" applyNumberFormat="1" applyBorder="1" applyAlignment="1">
      <alignment vertical="center"/>
    </xf>
    <xf numFmtId="3" fontId="0" fillId="0" borderId="18" xfId="0" applyNumberFormat="1" applyBorder="1" applyAlignment="1">
      <alignment vertical="center"/>
    </xf>
    <xf numFmtId="3" fontId="0" fillId="0" borderId="22" xfId="0" applyNumberFormat="1" applyBorder="1" applyAlignment="1">
      <alignment vertical="center"/>
    </xf>
    <xf numFmtId="3" fontId="0" fillId="0" borderId="23" xfId="0" applyNumberFormat="1" applyBorder="1" applyAlignment="1">
      <alignment vertical="center"/>
    </xf>
    <xf numFmtId="3" fontId="0" fillId="0" borderId="24" xfId="0" applyNumberFormat="1" applyBorder="1" applyAlignment="1">
      <alignment vertical="center"/>
    </xf>
    <xf numFmtId="0" fontId="0" fillId="0" borderId="27" xfId="0" applyFont="1" applyBorder="1" applyAlignment="1">
      <alignment horizontal="center" vertical="center"/>
    </xf>
    <xf numFmtId="3" fontId="0" fillId="0" borderId="28" xfId="0" applyNumberFormat="1" applyBorder="1" applyAlignment="1">
      <alignment vertical="center"/>
    </xf>
    <xf numFmtId="3" fontId="0" fillId="0" borderId="29" xfId="0" applyNumberFormat="1" applyBorder="1" applyAlignment="1">
      <alignment vertical="center"/>
    </xf>
    <xf numFmtId="3" fontId="0" fillId="0" borderId="26" xfId="0" applyNumberFormat="1" applyBorder="1" applyAlignment="1">
      <alignment vertical="center"/>
    </xf>
    <xf numFmtId="3" fontId="0" fillId="0" borderId="30" xfId="0" applyNumberFormat="1" applyBorder="1" applyAlignment="1">
      <alignment vertical="center"/>
    </xf>
    <xf numFmtId="3" fontId="0" fillId="0" borderId="31" xfId="0" applyNumberFormat="1" applyBorder="1" applyAlignment="1">
      <alignment vertical="center"/>
    </xf>
    <xf numFmtId="3" fontId="0" fillId="0" borderId="32" xfId="0" applyNumberFormat="1" applyBorder="1" applyAlignment="1">
      <alignment vertical="center"/>
    </xf>
    <xf numFmtId="0" fontId="0" fillId="0" borderId="35" xfId="0" applyFont="1" applyBorder="1" applyAlignment="1">
      <alignment horizontal="center" vertical="center"/>
    </xf>
    <xf numFmtId="3" fontId="0" fillId="0" borderId="36" xfId="0" applyNumberFormat="1" applyBorder="1" applyAlignment="1">
      <alignment vertical="center"/>
    </xf>
    <xf numFmtId="3" fontId="0" fillId="0" borderId="37" xfId="0" applyNumberFormat="1" applyBorder="1" applyAlignment="1">
      <alignment vertical="center"/>
    </xf>
    <xf numFmtId="3" fontId="0" fillId="0" borderId="34" xfId="0" applyNumberFormat="1" applyBorder="1" applyAlignment="1">
      <alignment vertical="center"/>
    </xf>
    <xf numFmtId="3" fontId="0" fillId="0" borderId="38" xfId="0" applyNumberFormat="1" applyBorder="1" applyAlignment="1">
      <alignment vertical="center"/>
    </xf>
    <xf numFmtId="3" fontId="0" fillId="0" borderId="39" xfId="0" applyNumberFormat="1" applyBorder="1" applyAlignment="1">
      <alignment vertical="center"/>
    </xf>
    <xf numFmtId="3" fontId="0" fillId="0" borderId="40" xfId="0" applyNumberFormat="1" applyBorder="1" applyAlignment="1">
      <alignment vertical="center"/>
    </xf>
    <xf numFmtId="0" fontId="0" fillId="0" borderId="41" xfId="0" applyFont="1" applyBorder="1" applyAlignment="1">
      <alignment horizontal="center" vertical="center"/>
    </xf>
    <xf numFmtId="3" fontId="0" fillId="0" borderId="12" xfId="0" applyNumberFormat="1" applyBorder="1" applyAlignment="1">
      <alignment vertical="center"/>
    </xf>
    <xf numFmtId="3" fontId="0" fillId="0" borderId="13" xfId="0" applyNumberFormat="1" applyBorder="1" applyAlignment="1">
      <alignment vertical="center"/>
    </xf>
    <xf numFmtId="3" fontId="0" fillId="0" borderId="10" xfId="0" applyNumberFormat="1" applyBorder="1" applyAlignment="1">
      <alignment vertical="center"/>
    </xf>
    <xf numFmtId="3" fontId="0" fillId="0" borderId="14" xfId="0" applyNumberFormat="1" applyBorder="1" applyAlignment="1">
      <alignment vertical="center"/>
    </xf>
    <xf numFmtId="3" fontId="0" fillId="0" borderId="15" xfId="0" applyNumberFormat="1" applyBorder="1" applyAlignment="1">
      <alignment vertical="center"/>
    </xf>
    <xf numFmtId="3" fontId="0" fillId="0" borderId="16" xfId="0" applyNumberFormat="1" applyBorder="1" applyAlignment="1">
      <alignment vertical="center"/>
    </xf>
    <xf numFmtId="0" fontId="0" fillId="0" borderId="44" xfId="0" applyFont="1" applyBorder="1" applyAlignment="1">
      <alignment horizontal="center" vertical="center"/>
    </xf>
    <xf numFmtId="3" fontId="0" fillId="0" borderId="45" xfId="0" applyNumberFormat="1" applyBorder="1" applyAlignment="1">
      <alignment vertical="center"/>
    </xf>
    <xf numFmtId="3" fontId="0" fillId="0" borderId="46" xfId="0" applyNumberFormat="1" applyBorder="1" applyAlignment="1">
      <alignment vertical="center"/>
    </xf>
    <xf numFmtId="3" fontId="0" fillId="0" borderId="43" xfId="0" applyNumberFormat="1" applyBorder="1" applyAlignment="1">
      <alignment vertical="center"/>
    </xf>
    <xf numFmtId="3" fontId="0" fillId="0" borderId="47" xfId="0" applyNumberFormat="1" applyBorder="1" applyAlignment="1">
      <alignment vertical="center"/>
    </xf>
    <xf numFmtId="3" fontId="0" fillId="0" borderId="48" xfId="0" applyNumberFormat="1" applyBorder="1" applyAlignment="1">
      <alignment vertical="center"/>
    </xf>
    <xf numFmtId="3" fontId="0" fillId="0" borderId="49" xfId="0" applyNumberFormat="1" applyBorder="1" applyAlignment="1">
      <alignment vertical="center"/>
    </xf>
    <xf numFmtId="3" fontId="0" fillId="0" borderId="30" xfId="0" applyNumberFormat="1" applyBorder="1" applyAlignment="1">
      <alignment horizontal="center" vertical="center"/>
    </xf>
    <xf numFmtId="3" fontId="0" fillId="0" borderId="29" xfId="0" applyNumberFormat="1" applyBorder="1" applyAlignment="1">
      <alignment horizontal="center" vertical="center"/>
    </xf>
    <xf numFmtId="3" fontId="0" fillId="0" borderId="31" xfId="0" applyNumberFormat="1" applyBorder="1" applyAlignment="1">
      <alignment horizontal="center" vertical="center"/>
    </xf>
    <xf numFmtId="3" fontId="0" fillId="0" borderId="28" xfId="0" applyNumberFormat="1" applyBorder="1" applyAlignment="1">
      <alignment horizontal="center" vertical="center"/>
    </xf>
    <xf numFmtId="3" fontId="0" fillId="0" borderId="26" xfId="0" applyNumberFormat="1" applyBorder="1" applyAlignment="1">
      <alignment horizontal="center" vertical="center"/>
    </xf>
    <xf numFmtId="3" fontId="0" fillId="0" borderId="32" xfId="0" applyNumberFormat="1" applyBorder="1" applyAlignment="1">
      <alignment horizontal="center" vertical="center"/>
    </xf>
    <xf numFmtId="3" fontId="0" fillId="0" borderId="38" xfId="0" applyNumberFormat="1" applyBorder="1" applyAlignment="1">
      <alignment horizontal="center" vertical="center"/>
    </xf>
    <xf numFmtId="3" fontId="0" fillId="0" borderId="37" xfId="0" applyNumberFormat="1" applyBorder="1" applyAlignment="1">
      <alignment horizontal="center" vertical="center"/>
    </xf>
    <xf numFmtId="3" fontId="0" fillId="0" borderId="39" xfId="0" applyNumberFormat="1" applyBorder="1" applyAlignment="1">
      <alignment horizontal="center" vertical="center"/>
    </xf>
    <xf numFmtId="3" fontId="0" fillId="0" borderId="36" xfId="0" applyNumberFormat="1" applyBorder="1" applyAlignment="1">
      <alignment horizontal="center" vertical="center"/>
    </xf>
    <xf numFmtId="3" fontId="0" fillId="0" borderId="34" xfId="0" applyNumberFormat="1" applyBorder="1" applyAlignment="1">
      <alignment horizontal="center" vertical="center"/>
    </xf>
    <xf numFmtId="3" fontId="0" fillId="0" borderId="40" xfId="0" applyNumberFormat="1" applyBorder="1" applyAlignment="1">
      <alignment horizontal="center" vertical="center"/>
    </xf>
    <xf numFmtId="0" fontId="5" fillId="0" borderId="19" xfId="0" applyFont="1" applyBorder="1" applyAlignment="1">
      <alignment horizontal="center" vertical="center"/>
    </xf>
    <xf numFmtId="0" fontId="5" fillId="0" borderId="27" xfId="0" applyFont="1" applyBorder="1" applyAlignment="1">
      <alignment horizontal="center" vertical="center"/>
    </xf>
    <xf numFmtId="0" fontId="5" fillId="0" borderId="41" xfId="0" applyFont="1" applyBorder="1" applyAlignment="1">
      <alignment horizontal="center" vertical="center"/>
    </xf>
    <xf numFmtId="3" fontId="1" fillId="0" borderId="21" xfId="0" applyNumberFormat="1" applyFont="1" applyBorder="1" applyAlignment="1">
      <alignment vertical="center"/>
    </xf>
    <xf numFmtId="3" fontId="1" fillId="0" borderId="18" xfId="0" applyNumberFormat="1" applyFont="1" applyBorder="1" applyAlignment="1">
      <alignment vertical="center"/>
    </xf>
    <xf numFmtId="3" fontId="1" fillId="0" borderId="21" xfId="0" applyNumberFormat="1" applyFont="1" applyBorder="1" applyAlignment="1">
      <alignment horizontal="right" vertical="center"/>
    </xf>
    <xf numFmtId="3" fontId="1" fillId="0" borderId="23" xfId="0" applyNumberFormat="1" applyFont="1" applyBorder="1" applyAlignment="1">
      <alignment horizontal="right" vertical="center"/>
    </xf>
    <xf numFmtId="3" fontId="1" fillId="0" borderId="23" xfId="0" applyNumberFormat="1" applyFont="1" applyBorder="1" applyAlignment="1">
      <alignment vertical="center"/>
    </xf>
    <xf numFmtId="3" fontId="1" fillId="0" borderId="21" xfId="0" applyNumberFormat="1" applyFont="1" applyFill="1" applyBorder="1" applyAlignment="1">
      <alignment vertical="center"/>
    </xf>
    <xf numFmtId="3" fontId="1" fillId="0" borderId="24" xfId="0" applyNumberFormat="1" applyFont="1" applyFill="1" applyBorder="1" applyAlignment="1">
      <alignment vertical="center"/>
    </xf>
    <xf numFmtId="0" fontId="5" fillId="0" borderId="44" xfId="0" applyFont="1" applyBorder="1" applyAlignment="1">
      <alignment horizontal="center" vertical="center"/>
    </xf>
    <xf numFmtId="3" fontId="1" fillId="0" borderId="46" xfId="0" applyNumberFormat="1" applyFont="1" applyBorder="1" applyAlignment="1">
      <alignment vertical="center"/>
    </xf>
    <xf numFmtId="3" fontId="1" fillId="0" borderId="43" xfId="0" applyNumberFormat="1" applyFont="1" applyBorder="1" applyAlignment="1">
      <alignment vertical="center"/>
    </xf>
    <xf numFmtId="3" fontId="1" fillId="0" borderId="46" xfId="0" applyNumberFormat="1" applyFont="1" applyBorder="1" applyAlignment="1">
      <alignment horizontal="right" vertical="center"/>
    </xf>
    <xf numFmtId="3" fontId="1" fillId="0" borderId="48" xfId="0" applyNumberFormat="1" applyFont="1" applyBorder="1" applyAlignment="1">
      <alignment horizontal="right" vertical="center"/>
    </xf>
    <xf numFmtId="3" fontId="1" fillId="0" borderId="46" xfId="0" applyNumberFormat="1" applyFont="1" applyFill="1" applyBorder="1" applyAlignment="1">
      <alignment vertical="center"/>
    </xf>
    <xf numFmtId="3" fontId="1" fillId="0" borderId="49" xfId="0" applyNumberFormat="1" applyFont="1" applyFill="1" applyBorder="1" applyAlignment="1">
      <alignment vertical="center"/>
    </xf>
    <xf numFmtId="0" fontId="5" fillId="0" borderId="52" xfId="0" applyFont="1" applyBorder="1" applyAlignment="1">
      <alignment horizontal="center" vertical="center"/>
    </xf>
    <xf numFmtId="3" fontId="0" fillId="0" borderId="53" xfId="0" applyNumberFormat="1" applyBorder="1" applyAlignment="1">
      <alignment vertical="center"/>
    </xf>
    <xf numFmtId="3" fontId="0" fillId="0" borderId="54" xfId="0" applyNumberFormat="1" applyBorder="1" applyAlignment="1">
      <alignment vertical="center"/>
    </xf>
    <xf numFmtId="3" fontId="0" fillId="0" borderId="51" xfId="0" applyNumberFormat="1" applyBorder="1" applyAlignment="1">
      <alignment vertical="center"/>
    </xf>
    <xf numFmtId="3" fontId="0" fillId="0" borderId="55" xfId="0" applyNumberFormat="1" applyBorder="1" applyAlignment="1">
      <alignment vertical="center"/>
    </xf>
    <xf numFmtId="3" fontId="0" fillId="0" borderId="56" xfId="0" applyNumberFormat="1" applyBorder="1" applyAlignment="1">
      <alignment vertical="center"/>
    </xf>
    <xf numFmtId="3" fontId="0" fillId="0" borderId="57" xfId="0" applyNumberFormat="1" applyBorder="1" applyAlignment="1">
      <alignment vertical="center"/>
    </xf>
    <xf numFmtId="0" fontId="5" fillId="0" borderId="35" xfId="0" applyFont="1" applyBorder="1" applyAlignment="1">
      <alignment horizontal="center" vertical="center"/>
    </xf>
    <xf numFmtId="0" fontId="0" fillId="0" borderId="58" xfId="0" applyBorder="1" applyAlignment="1"/>
    <xf numFmtId="176" fontId="0" fillId="0" borderId="17" xfId="0" applyNumberFormat="1" applyBorder="1" applyAlignment="1">
      <alignment horizontal="center" vertical="center"/>
    </xf>
    <xf numFmtId="176" fontId="0" fillId="0" borderId="25" xfId="0" applyNumberFormat="1" applyBorder="1" applyAlignment="1">
      <alignment horizontal="center" vertical="center"/>
    </xf>
    <xf numFmtId="176" fontId="0" fillId="0" borderId="9" xfId="0" applyNumberFormat="1" applyBorder="1" applyAlignment="1">
      <alignment horizontal="center" vertical="center"/>
    </xf>
    <xf numFmtId="0" fontId="5" fillId="0" borderId="18" xfId="0" applyFont="1" applyBorder="1" applyAlignment="1">
      <alignment horizontal="center" vertical="center"/>
    </xf>
    <xf numFmtId="0" fontId="5" fillId="0" borderId="26" xfId="0" applyFont="1" applyBorder="1" applyAlignment="1">
      <alignment horizontal="center" vertical="center"/>
    </xf>
    <xf numFmtId="0" fontId="5" fillId="0" borderId="10" xfId="0" applyFont="1" applyBorder="1" applyAlignment="1">
      <alignment horizontal="center" vertical="center"/>
    </xf>
    <xf numFmtId="176" fontId="0" fillId="0" borderId="50" xfId="0" applyNumberFormat="1" applyBorder="1" applyAlignment="1">
      <alignment horizontal="center" vertical="center"/>
    </xf>
    <xf numFmtId="0" fontId="5" fillId="0" borderId="43" xfId="0" applyFont="1" applyBorder="1" applyAlignment="1">
      <alignment horizontal="center" vertical="center"/>
    </xf>
    <xf numFmtId="0" fontId="5" fillId="0" borderId="51" xfId="0" applyFont="1" applyBorder="1" applyAlignment="1">
      <alignment horizontal="center" vertical="center"/>
    </xf>
    <xf numFmtId="176" fontId="0" fillId="0" borderId="42" xfId="0" applyNumberFormat="1" applyBorder="1" applyAlignment="1">
      <alignment horizontal="center" vertical="center"/>
    </xf>
    <xf numFmtId="176" fontId="0" fillId="0" borderId="33" xfId="0" applyNumberFormat="1" applyBorder="1" applyAlignment="1">
      <alignment horizontal="center" vertical="center"/>
    </xf>
    <xf numFmtId="0" fontId="5" fillId="0" borderId="23" xfId="0" applyFont="1" applyBorder="1" applyAlignment="1">
      <alignment horizontal="center" vertical="center"/>
    </xf>
    <xf numFmtId="0" fontId="5" fillId="0" borderId="31" xfId="0" applyFont="1" applyBorder="1" applyAlignment="1">
      <alignment horizontal="center" vertical="center"/>
    </xf>
    <xf numFmtId="0" fontId="5" fillId="0" borderId="15" xfId="0" applyFont="1" applyBorder="1" applyAlignment="1">
      <alignment horizontal="center" vertical="center"/>
    </xf>
    <xf numFmtId="0" fontId="5" fillId="0" borderId="34" xfId="0" applyFont="1" applyBorder="1" applyAlignment="1">
      <alignment horizontal="center" vertical="center"/>
    </xf>
    <xf numFmtId="0" fontId="0" fillId="0" borderId="0" xfId="0" applyAlignment="1">
      <alignment horizontal="left" vertical="center" wrapText="1"/>
    </xf>
    <xf numFmtId="0" fontId="0" fillId="0" borderId="1" xfId="0" applyFont="1" applyFill="1" applyBorder="1" applyAlignment="1">
      <alignment horizontal="center" vertical="center"/>
    </xf>
    <xf numFmtId="0" fontId="0" fillId="0" borderId="9" xfId="0" applyFont="1" applyFill="1" applyBorder="1" applyAlignment="1">
      <alignment horizontal="center" vertical="center"/>
    </xf>
    <xf numFmtId="0" fontId="0" fillId="0" borderId="2" xfId="0" applyFont="1" applyFill="1" applyBorder="1" applyAlignment="1">
      <alignment horizontal="center" vertical="center"/>
    </xf>
    <xf numFmtId="0" fontId="0" fillId="0" borderId="10" xfId="0" applyFont="1" applyFill="1" applyBorder="1" applyAlignment="1">
      <alignment horizontal="center" vertical="center"/>
    </xf>
    <xf numFmtId="0" fontId="0" fillId="0" borderId="3" xfId="0" applyFont="1" applyFill="1" applyBorder="1" applyAlignment="1">
      <alignment horizontal="center" vertical="center"/>
    </xf>
    <xf numFmtId="0" fontId="0" fillId="0" borderId="11" xfId="0" applyFont="1" applyFill="1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0" fillId="0" borderId="8" xfId="0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R54"/>
  <sheetViews>
    <sheetView tabSelected="1" view="pageBreakPreview" zoomScale="115" zoomScaleNormal="100" zoomScaleSheetLayoutView="115" workbookViewId="0">
      <pane xSplit="2" ySplit="5" topLeftCell="C42" activePane="bottomRight" state="frozen"/>
      <selection activeCell="J12" sqref="J12"/>
      <selection pane="topRight" activeCell="J12" sqref="J12"/>
      <selection pane="bottomLeft" activeCell="J12" sqref="J12"/>
      <selection pane="bottomRight" activeCell="R54" sqref="R54"/>
    </sheetView>
  </sheetViews>
  <sheetFormatPr defaultRowHeight="13.2" x14ac:dyDescent="0.2"/>
  <cols>
    <col min="1" max="3" width="8.109375" customWidth="1"/>
    <col min="4" max="18" width="7" customWidth="1"/>
  </cols>
  <sheetData>
    <row r="1" spans="1:18" ht="19.2" x14ac:dyDescent="0.25">
      <c r="A1" s="1" t="s">
        <v>0</v>
      </c>
    </row>
    <row r="2" spans="1:18" x14ac:dyDescent="0.2">
      <c r="B2" s="97" t="s">
        <v>1</v>
      </c>
      <c r="C2" s="97"/>
      <c r="D2" s="97"/>
      <c r="E2" s="97"/>
      <c r="F2" s="97"/>
      <c r="G2" s="97"/>
      <c r="H2" s="97"/>
      <c r="I2" s="97"/>
      <c r="J2" s="97"/>
      <c r="K2" s="97"/>
      <c r="L2" s="97"/>
      <c r="M2" s="97"/>
      <c r="N2" s="97"/>
      <c r="O2" s="97"/>
      <c r="P2" s="97"/>
      <c r="Q2" s="97"/>
      <c r="R2" s="97"/>
    </row>
    <row r="3" spans="1:18" ht="13.8" thickBot="1" x14ac:dyDescent="0.25">
      <c r="N3" s="2" t="s">
        <v>2</v>
      </c>
    </row>
    <row r="4" spans="1:18" ht="21.9" customHeight="1" x14ac:dyDescent="0.2">
      <c r="A4" s="98" t="s">
        <v>3</v>
      </c>
      <c r="B4" s="100" t="s">
        <v>4</v>
      </c>
      <c r="C4" s="102" t="s">
        <v>5</v>
      </c>
      <c r="D4" s="104" t="s">
        <v>6</v>
      </c>
      <c r="E4" s="105"/>
      <c r="F4" s="106"/>
      <c r="G4" s="107" t="s">
        <v>7</v>
      </c>
      <c r="H4" s="105"/>
      <c r="I4" s="108"/>
      <c r="J4" s="104" t="s">
        <v>8</v>
      </c>
      <c r="K4" s="105"/>
      <c r="L4" s="106"/>
      <c r="M4" s="107" t="s">
        <v>9</v>
      </c>
      <c r="N4" s="105"/>
      <c r="O4" s="108"/>
      <c r="P4" s="104" t="s">
        <v>10</v>
      </c>
      <c r="Q4" s="105"/>
      <c r="R4" s="109"/>
    </row>
    <row r="5" spans="1:18" ht="21.9" customHeight="1" x14ac:dyDescent="0.2">
      <c r="A5" s="99"/>
      <c r="B5" s="101"/>
      <c r="C5" s="103"/>
      <c r="D5" s="3" t="s">
        <v>11</v>
      </c>
      <c r="E5" s="4" t="s">
        <v>12</v>
      </c>
      <c r="F5" s="5" t="s">
        <v>13</v>
      </c>
      <c r="G5" s="6" t="s">
        <v>11</v>
      </c>
      <c r="H5" s="4" t="s">
        <v>12</v>
      </c>
      <c r="I5" s="7" t="s">
        <v>13</v>
      </c>
      <c r="J5" s="3" t="s">
        <v>11</v>
      </c>
      <c r="K5" s="4" t="s">
        <v>12</v>
      </c>
      <c r="L5" s="5" t="s">
        <v>13</v>
      </c>
      <c r="M5" s="6" t="s">
        <v>11</v>
      </c>
      <c r="N5" s="4" t="s">
        <v>12</v>
      </c>
      <c r="O5" s="7" t="s">
        <v>13</v>
      </c>
      <c r="P5" s="3" t="s">
        <v>11</v>
      </c>
      <c r="Q5" s="4" t="s">
        <v>12</v>
      </c>
      <c r="R5" s="8" t="s">
        <v>13</v>
      </c>
    </row>
    <row r="6" spans="1:18" ht="21" customHeight="1" x14ac:dyDescent="0.2">
      <c r="A6" s="82">
        <v>1980</v>
      </c>
      <c r="B6" s="85" t="s">
        <v>14</v>
      </c>
      <c r="C6" s="9" t="s">
        <v>15</v>
      </c>
      <c r="D6" s="10">
        <v>2751</v>
      </c>
      <c r="E6" s="11">
        <v>1339</v>
      </c>
      <c r="F6" s="12">
        <v>1412</v>
      </c>
      <c r="G6" s="13">
        <v>529</v>
      </c>
      <c r="H6" s="11">
        <v>250</v>
      </c>
      <c r="I6" s="14">
        <v>279</v>
      </c>
      <c r="J6" s="10">
        <v>661</v>
      </c>
      <c r="K6" s="11">
        <v>333</v>
      </c>
      <c r="L6" s="12">
        <v>328</v>
      </c>
      <c r="M6" s="13">
        <v>1068</v>
      </c>
      <c r="N6" s="11">
        <v>522</v>
      </c>
      <c r="O6" s="14">
        <v>546</v>
      </c>
      <c r="P6" s="10">
        <v>493</v>
      </c>
      <c r="Q6" s="11">
        <v>234</v>
      </c>
      <c r="R6" s="15">
        <v>259</v>
      </c>
    </row>
    <row r="7" spans="1:18" ht="21" customHeight="1" x14ac:dyDescent="0.2">
      <c r="A7" s="83"/>
      <c r="B7" s="86"/>
      <c r="C7" s="16" t="s">
        <v>16</v>
      </c>
      <c r="D7" s="17">
        <v>1399</v>
      </c>
      <c r="E7" s="18">
        <v>685</v>
      </c>
      <c r="F7" s="19">
        <v>714</v>
      </c>
      <c r="G7" s="20">
        <v>320</v>
      </c>
      <c r="H7" s="18">
        <v>160</v>
      </c>
      <c r="I7" s="21">
        <v>160</v>
      </c>
      <c r="J7" s="17">
        <v>254</v>
      </c>
      <c r="K7" s="18">
        <v>120</v>
      </c>
      <c r="L7" s="19">
        <v>134</v>
      </c>
      <c r="M7" s="20">
        <v>533</v>
      </c>
      <c r="N7" s="18">
        <v>260</v>
      </c>
      <c r="O7" s="21">
        <v>273</v>
      </c>
      <c r="P7" s="17">
        <v>292</v>
      </c>
      <c r="Q7" s="18">
        <v>145</v>
      </c>
      <c r="R7" s="22">
        <v>147</v>
      </c>
    </row>
    <row r="8" spans="1:18" ht="21" customHeight="1" x14ac:dyDescent="0.2">
      <c r="A8" s="92"/>
      <c r="B8" s="96"/>
      <c r="C8" s="23" t="s">
        <v>17</v>
      </c>
      <c r="D8" s="24">
        <v>1425</v>
      </c>
      <c r="E8" s="25">
        <v>691</v>
      </c>
      <c r="F8" s="26">
        <v>734</v>
      </c>
      <c r="G8" s="27">
        <v>218</v>
      </c>
      <c r="H8" s="25">
        <v>116</v>
      </c>
      <c r="I8" s="28">
        <v>102</v>
      </c>
      <c r="J8" s="24">
        <v>206</v>
      </c>
      <c r="K8" s="25">
        <v>111</v>
      </c>
      <c r="L8" s="26">
        <v>95</v>
      </c>
      <c r="M8" s="27">
        <v>565</v>
      </c>
      <c r="N8" s="25">
        <v>264</v>
      </c>
      <c r="O8" s="28">
        <v>301</v>
      </c>
      <c r="P8" s="24">
        <v>436</v>
      </c>
      <c r="Q8" s="25">
        <v>200</v>
      </c>
      <c r="R8" s="29">
        <v>236</v>
      </c>
    </row>
    <row r="9" spans="1:18" ht="21" customHeight="1" x14ac:dyDescent="0.2">
      <c r="A9" s="82">
        <v>1981</v>
      </c>
      <c r="B9" s="85" t="s">
        <v>18</v>
      </c>
      <c r="C9" s="9" t="s">
        <v>15</v>
      </c>
      <c r="D9" s="10">
        <v>2680</v>
      </c>
      <c r="E9" s="11">
        <v>1297</v>
      </c>
      <c r="F9" s="12">
        <v>1383</v>
      </c>
      <c r="G9" s="13">
        <v>502</v>
      </c>
      <c r="H9" s="11">
        <v>252</v>
      </c>
      <c r="I9" s="14">
        <v>250</v>
      </c>
      <c r="J9" s="10">
        <v>620</v>
      </c>
      <c r="K9" s="11">
        <v>301</v>
      </c>
      <c r="L9" s="12">
        <v>319</v>
      </c>
      <c r="M9" s="13">
        <v>1058</v>
      </c>
      <c r="N9" s="11">
        <v>510</v>
      </c>
      <c r="O9" s="14">
        <v>548</v>
      </c>
      <c r="P9" s="10">
        <v>500</v>
      </c>
      <c r="Q9" s="11">
        <v>234</v>
      </c>
      <c r="R9" s="15">
        <v>266</v>
      </c>
    </row>
    <row r="10" spans="1:18" ht="21" customHeight="1" x14ac:dyDescent="0.2">
      <c r="A10" s="83"/>
      <c r="B10" s="86"/>
      <c r="C10" s="16" t="s">
        <v>16</v>
      </c>
      <c r="D10" s="17">
        <v>1334</v>
      </c>
      <c r="E10" s="18">
        <v>657</v>
      </c>
      <c r="F10" s="19">
        <v>677</v>
      </c>
      <c r="G10" s="20">
        <v>276</v>
      </c>
      <c r="H10" s="18">
        <v>135</v>
      </c>
      <c r="I10" s="21">
        <v>141</v>
      </c>
      <c r="J10" s="17">
        <v>244</v>
      </c>
      <c r="K10" s="18">
        <v>120</v>
      </c>
      <c r="L10" s="19">
        <v>124</v>
      </c>
      <c r="M10" s="20">
        <v>523</v>
      </c>
      <c r="N10" s="18">
        <v>259</v>
      </c>
      <c r="O10" s="21">
        <v>264</v>
      </c>
      <c r="P10" s="17">
        <v>291</v>
      </c>
      <c r="Q10" s="18">
        <v>143</v>
      </c>
      <c r="R10" s="22">
        <v>148</v>
      </c>
    </row>
    <row r="11" spans="1:18" ht="21" customHeight="1" x14ac:dyDescent="0.2">
      <c r="A11" s="84"/>
      <c r="B11" s="87"/>
      <c r="C11" s="30" t="s">
        <v>17</v>
      </c>
      <c r="D11" s="31">
        <v>1366</v>
      </c>
      <c r="E11" s="32">
        <v>676</v>
      </c>
      <c r="F11" s="33">
        <v>690</v>
      </c>
      <c r="G11" s="34">
        <v>208</v>
      </c>
      <c r="H11" s="32">
        <v>120</v>
      </c>
      <c r="I11" s="35">
        <v>88</v>
      </c>
      <c r="J11" s="31">
        <v>188</v>
      </c>
      <c r="K11" s="32">
        <v>99</v>
      </c>
      <c r="L11" s="33">
        <v>89</v>
      </c>
      <c r="M11" s="34">
        <v>541</v>
      </c>
      <c r="N11" s="32">
        <v>259</v>
      </c>
      <c r="O11" s="35">
        <v>282</v>
      </c>
      <c r="P11" s="31">
        <v>429</v>
      </c>
      <c r="Q11" s="32">
        <v>198</v>
      </c>
      <c r="R11" s="36">
        <v>231</v>
      </c>
    </row>
    <row r="12" spans="1:18" ht="21" customHeight="1" x14ac:dyDescent="0.2">
      <c r="A12" s="91">
        <v>1982</v>
      </c>
      <c r="B12" s="89" t="s">
        <v>19</v>
      </c>
      <c r="C12" s="37" t="s">
        <v>15</v>
      </c>
      <c r="D12" s="38">
        <v>2606</v>
      </c>
      <c r="E12" s="39">
        <v>1274</v>
      </c>
      <c r="F12" s="40">
        <v>1332</v>
      </c>
      <c r="G12" s="41">
        <v>467</v>
      </c>
      <c r="H12" s="39">
        <v>234</v>
      </c>
      <c r="I12" s="42">
        <v>233</v>
      </c>
      <c r="J12" s="38">
        <v>578</v>
      </c>
      <c r="K12" s="39">
        <v>286</v>
      </c>
      <c r="L12" s="40">
        <v>292</v>
      </c>
      <c r="M12" s="41">
        <v>1048</v>
      </c>
      <c r="N12" s="39">
        <v>513</v>
      </c>
      <c r="O12" s="42">
        <v>535</v>
      </c>
      <c r="P12" s="38">
        <v>513</v>
      </c>
      <c r="Q12" s="39">
        <v>241</v>
      </c>
      <c r="R12" s="43">
        <v>272</v>
      </c>
    </row>
    <row r="13" spans="1:18" ht="21" customHeight="1" x14ac:dyDescent="0.2">
      <c r="A13" s="83"/>
      <c r="B13" s="86"/>
      <c r="C13" s="16" t="s">
        <v>16</v>
      </c>
      <c r="D13" s="17">
        <v>1272</v>
      </c>
      <c r="E13" s="18">
        <v>624</v>
      </c>
      <c r="F13" s="19">
        <v>648</v>
      </c>
      <c r="G13" s="20">
        <v>279</v>
      </c>
      <c r="H13" s="18">
        <v>135</v>
      </c>
      <c r="I13" s="21">
        <v>144</v>
      </c>
      <c r="J13" s="17">
        <v>187</v>
      </c>
      <c r="K13" s="18">
        <v>91</v>
      </c>
      <c r="L13" s="19">
        <v>96</v>
      </c>
      <c r="M13" s="20">
        <v>512</v>
      </c>
      <c r="N13" s="18">
        <v>256</v>
      </c>
      <c r="O13" s="21">
        <v>256</v>
      </c>
      <c r="P13" s="17">
        <v>294</v>
      </c>
      <c r="Q13" s="18">
        <v>142</v>
      </c>
      <c r="R13" s="22">
        <v>152</v>
      </c>
    </row>
    <row r="14" spans="1:18" ht="21" customHeight="1" x14ac:dyDescent="0.2">
      <c r="A14" s="92"/>
      <c r="B14" s="96"/>
      <c r="C14" s="23" t="s">
        <v>17</v>
      </c>
      <c r="D14" s="24">
        <v>1335</v>
      </c>
      <c r="E14" s="25">
        <v>654</v>
      </c>
      <c r="F14" s="26">
        <v>681</v>
      </c>
      <c r="G14" s="27">
        <v>189</v>
      </c>
      <c r="H14" s="25">
        <v>100</v>
      </c>
      <c r="I14" s="28">
        <v>89</v>
      </c>
      <c r="J14" s="24">
        <v>199</v>
      </c>
      <c r="K14" s="25">
        <v>111</v>
      </c>
      <c r="L14" s="26">
        <v>88</v>
      </c>
      <c r="M14" s="27">
        <v>515</v>
      </c>
      <c r="N14" s="25">
        <v>249</v>
      </c>
      <c r="O14" s="28">
        <v>266</v>
      </c>
      <c r="P14" s="24">
        <v>432</v>
      </c>
      <c r="Q14" s="25">
        <v>194</v>
      </c>
      <c r="R14" s="29">
        <v>238</v>
      </c>
    </row>
    <row r="15" spans="1:18" ht="21" customHeight="1" x14ac:dyDescent="0.2">
      <c r="A15" s="82">
        <v>1983</v>
      </c>
      <c r="B15" s="85" t="s">
        <v>20</v>
      </c>
      <c r="C15" s="9" t="s">
        <v>15</v>
      </c>
      <c r="D15" s="10">
        <v>2537</v>
      </c>
      <c r="E15" s="11">
        <v>1240</v>
      </c>
      <c r="F15" s="12">
        <v>1297</v>
      </c>
      <c r="G15" s="13">
        <v>419</v>
      </c>
      <c r="H15" s="11">
        <v>208</v>
      </c>
      <c r="I15" s="14">
        <v>211</v>
      </c>
      <c r="J15" s="10">
        <v>581</v>
      </c>
      <c r="K15" s="11">
        <v>295</v>
      </c>
      <c r="L15" s="12">
        <v>286</v>
      </c>
      <c r="M15" s="13">
        <v>1018</v>
      </c>
      <c r="N15" s="11">
        <v>502</v>
      </c>
      <c r="O15" s="14">
        <v>516</v>
      </c>
      <c r="P15" s="10">
        <v>519</v>
      </c>
      <c r="Q15" s="11">
        <v>235</v>
      </c>
      <c r="R15" s="15">
        <v>284</v>
      </c>
    </row>
    <row r="16" spans="1:18" ht="21" customHeight="1" x14ac:dyDescent="0.2">
      <c r="A16" s="83"/>
      <c r="B16" s="86"/>
      <c r="C16" s="16" t="s">
        <v>16</v>
      </c>
      <c r="D16" s="17">
        <v>1250</v>
      </c>
      <c r="E16" s="18">
        <v>615</v>
      </c>
      <c r="F16" s="19">
        <v>635</v>
      </c>
      <c r="G16" s="20">
        <v>259</v>
      </c>
      <c r="H16" s="18">
        <v>130</v>
      </c>
      <c r="I16" s="21">
        <v>129</v>
      </c>
      <c r="J16" s="17">
        <v>185</v>
      </c>
      <c r="K16" s="18">
        <v>88</v>
      </c>
      <c r="L16" s="19">
        <v>97</v>
      </c>
      <c r="M16" s="20">
        <v>504</v>
      </c>
      <c r="N16" s="18">
        <v>249</v>
      </c>
      <c r="O16" s="21">
        <v>255</v>
      </c>
      <c r="P16" s="17">
        <v>302</v>
      </c>
      <c r="Q16" s="18">
        <v>148</v>
      </c>
      <c r="R16" s="22">
        <v>154</v>
      </c>
    </row>
    <row r="17" spans="1:18" ht="21" customHeight="1" x14ac:dyDescent="0.2">
      <c r="A17" s="84"/>
      <c r="B17" s="87"/>
      <c r="C17" s="30" t="s">
        <v>17</v>
      </c>
      <c r="D17" s="31">
        <v>1272</v>
      </c>
      <c r="E17" s="32">
        <v>624</v>
      </c>
      <c r="F17" s="33">
        <v>648</v>
      </c>
      <c r="G17" s="34">
        <v>174</v>
      </c>
      <c r="H17" s="32">
        <v>92</v>
      </c>
      <c r="I17" s="35">
        <v>82</v>
      </c>
      <c r="J17" s="31">
        <v>176</v>
      </c>
      <c r="K17" s="32">
        <v>96</v>
      </c>
      <c r="L17" s="33">
        <v>80</v>
      </c>
      <c r="M17" s="34">
        <v>505</v>
      </c>
      <c r="N17" s="32">
        <v>247</v>
      </c>
      <c r="O17" s="35">
        <v>258</v>
      </c>
      <c r="P17" s="31">
        <v>417</v>
      </c>
      <c r="Q17" s="32">
        <v>189</v>
      </c>
      <c r="R17" s="36">
        <v>228</v>
      </c>
    </row>
    <row r="18" spans="1:18" ht="21" customHeight="1" x14ac:dyDescent="0.2">
      <c r="A18" s="91">
        <v>1984</v>
      </c>
      <c r="B18" s="89" t="s">
        <v>21</v>
      </c>
      <c r="C18" s="37" t="s">
        <v>15</v>
      </c>
      <c r="D18" s="38">
        <v>2507</v>
      </c>
      <c r="E18" s="39">
        <v>1226</v>
      </c>
      <c r="F18" s="40">
        <v>1281</v>
      </c>
      <c r="G18" s="41">
        <v>399</v>
      </c>
      <c r="H18" s="39">
        <v>200</v>
      </c>
      <c r="I18" s="42">
        <v>199</v>
      </c>
      <c r="J18" s="38">
        <v>566</v>
      </c>
      <c r="K18" s="39">
        <v>284</v>
      </c>
      <c r="L18" s="40">
        <v>282</v>
      </c>
      <c r="M18" s="41">
        <v>1005</v>
      </c>
      <c r="N18" s="39">
        <v>494</v>
      </c>
      <c r="O18" s="42">
        <v>511</v>
      </c>
      <c r="P18" s="38">
        <v>537</v>
      </c>
      <c r="Q18" s="39">
        <v>248</v>
      </c>
      <c r="R18" s="43">
        <v>289</v>
      </c>
    </row>
    <row r="19" spans="1:18" ht="21" customHeight="1" x14ac:dyDescent="0.2">
      <c r="A19" s="83"/>
      <c r="B19" s="86"/>
      <c r="C19" s="16" t="s">
        <v>16</v>
      </c>
      <c r="D19" s="17">
        <v>1223</v>
      </c>
      <c r="E19" s="18">
        <v>610</v>
      </c>
      <c r="F19" s="19">
        <v>613</v>
      </c>
      <c r="G19" s="20">
        <v>248</v>
      </c>
      <c r="H19" s="18">
        <v>128</v>
      </c>
      <c r="I19" s="21">
        <v>120</v>
      </c>
      <c r="J19" s="17">
        <v>169</v>
      </c>
      <c r="K19" s="18">
        <v>80</v>
      </c>
      <c r="L19" s="19">
        <v>89</v>
      </c>
      <c r="M19" s="20">
        <v>501</v>
      </c>
      <c r="N19" s="18">
        <v>253</v>
      </c>
      <c r="O19" s="21">
        <v>248</v>
      </c>
      <c r="P19" s="17">
        <v>305</v>
      </c>
      <c r="Q19" s="18">
        <v>149</v>
      </c>
      <c r="R19" s="22">
        <v>156</v>
      </c>
    </row>
    <row r="20" spans="1:18" ht="21" customHeight="1" x14ac:dyDescent="0.2">
      <c r="A20" s="92"/>
      <c r="B20" s="96"/>
      <c r="C20" s="23" t="s">
        <v>17</v>
      </c>
      <c r="D20" s="24">
        <v>1207</v>
      </c>
      <c r="E20" s="25">
        <v>594</v>
      </c>
      <c r="F20" s="26">
        <v>613</v>
      </c>
      <c r="G20" s="27">
        <v>152</v>
      </c>
      <c r="H20" s="25">
        <v>86</v>
      </c>
      <c r="I20" s="28">
        <v>66</v>
      </c>
      <c r="J20" s="24">
        <v>160</v>
      </c>
      <c r="K20" s="25">
        <v>88</v>
      </c>
      <c r="L20" s="26">
        <v>72</v>
      </c>
      <c r="M20" s="27">
        <v>474</v>
      </c>
      <c r="N20" s="25">
        <v>233</v>
      </c>
      <c r="O20" s="28">
        <v>241</v>
      </c>
      <c r="P20" s="24">
        <v>421</v>
      </c>
      <c r="Q20" s="25">
        <v>187</v>
      </c>
      <c r="R20" s="29">
        <v>234</v>
      </c>
    </row>
    <row r="21" spans="1:18" ht="21" customHeight="1" x14ac:dyDescent="0.2">
      <c r="A21" s="82">
        <v>1985</v>
      </c>
      <c r="B21" s="85" t="s">
        <v>22</v>
      </c>
      <c r="C21" s="9" t="s">
        <v>15</v>
      </c>
      <c r="D21" s="10">
        <v>2402</v>
      </c>
      <c r="E21" s="11">
        <v>1168</v>
      </c>
      <c r="F21" s="12">
        <v>1234</v>
      </c>
      <c r="G21" s="13">
        <v>389</v>
      </c>
      <c r="H21" s="11">
        <v>193</v>
      </c>
      <c r="I21" s="14">
        <v>196</v>
      </c>
      <c r="J21" s="10">
        <v>483</v>
      </c>
      <c r="K21" s="11">
        <v>241</v>
      </c>
      <c r="L21" s="12">
        <v>242</v>
      </c>
      <c r="M21" s="13">
        <v>964</v>
      </c>
      <c r="N21" s="11">
        <v>468</v>
      </c>
      <c r="O21" s="14">
        <v>496</v>
      </c>
      <c r="P21" s="10">
        <v>566</v>
      </c>
      <c r="Q21" s="11">
        <v>266</v>
      </c>
      <c r="R21" s="15">
        <v>300</v>
      </c>
    </row>
    <row r="22" spans="1:18" ht="21" customHeight="1" x14ac:dyDescent="0.2">
      <c r="A22" s="83"/>
      <c r="B22" s="86"/>
      <c r="C22" s="16" t="s">
        <v>16</v>
      </c>
      <c r="D22" s="17">
        <v>1168</v>
      </c>
      <c r="E22" s="18">
        <v>595</v>
      </c>
      <c r="F22" s="19">
        <v>573</v>
      </c>
      <c r="G22" s="20">
        <v>232</v>
      </c>
      <c r="H22" s="18">
        <v>127</v>
      </c>
      <c r="I22" s="21">
        <v>105</v>
      </c>
      <c r="J22" s="17">
        <v>155</v>
      </c>
      <c r="K22" s="18">
        <v>73</v>
      </c>
      <c r="L22" s="19">
        <v>82</v>
      </c>
      <c r="M22" s="20">
        <v>481</v>
      </c>
      <c r="N22" s="18">
        <v>244</v>
      </c>
      <c r="O22" s="21">
        <v>237</v>
      </c>
      <c r="P22" s="17">
        <v>300</v>
      </c>
      <c r="Q22" s="18">
        <v>151</v>
      </c>
      <c r="R22" s="22">
        <v>149</v>
      </c>
    </row>
    <row r="23" spans="1:18" ht="21" customHeight="1" x14ac:dyDescent="0.2">
      <c r="A23" s="84"/>
      <c r="B23" s="87"/>
      <c r="C23" s="30" t="s">
        <v>17</v>
      </c>
      <c r="D23" s="31">
        <v>1143</v>
      </c>
      <c r="E23" s="32">
        <v>565</v>
      </c>
      <c r="F23" s="33">
        <v>578</v>
      </c>
      <c r="G23" s="34">
        <v>139</v>
      </c>
      <c r="H23" s="32">
        <v>80</v>
      </c>
      <c r="I23" s="35">
        <v>59</v>
      </c>
      <c r="J23" s="31">
        <v>154</v>
      </c>
      <c r="K23" s="32">
        <v>91</v>
      </c>
      <c r="L23" s="33">
        <v>63</v>
      </c>
      <c r="M23" s="34">
        <v>457</v>
      </c>
      <c r="N23" s="32">
        <v>216</v>
      </c>
      <c r="O23" s="35">
        <v>241</v>
      </c>
      <c r="P23" s="31">
        <v>393</v>
      </c>
      <c r="Q23" s="32">
        <v>178</v>
      </c>
      <c r="R23" s="36">
        <v>215</v>
      </c>
    </row>
    <row r="24" spans="1:18" ht="21" customHeight="1" x14ac:dyDescent="0.2">
      <c r="A24" s="82">
        <v>1988</v>
      </c>
      <c r="B24" s="93" t="s">
        <v>23</v>
      </c>
      <c r="C24" s="37" t="s">
        <v>15</v>
      </c>
      <c r="D24" s="38">
        <v>2179</v>
      </c>
      <c r="E24" s="39">
        <v>1069</v>
      </c>
      <c r="F24" s="40">
        <v>1110</v>
      </c>
      <c r="G24" s="41">
        <v>311</v>
      </c>
      <c r="H24" s="39">
        <v>156</v>
      </c>
      <c r="I24" s="42">
        <v>155</v>
      </c>
      <c r="J24" s="38">
        <v>403</v>
      </c>
      <c r="K24" s="39">
        <v>206</v>
      </c>
      <c r="L24" s="40">
        <v>197</v>
      </c>
      <c r="M24" s="41">
        <v>870</v>
      </c>
      <c r="N24" s="39">
        <v>423</v>
      </c>
      <c r="O24" s="42">
        <v>447</v>
      </c>
      <c r="P24" s="38">
        <v>595</v>
      </c>
      <c r="Q24" s="39">
        <v>284</v>
      </c>
      <c r="R24" s="43">
        <v>311</v>
      </c>
    </row>
    <row r="25" spans="1:18" ht="21" customHeight="1" x14ac:dyDescent="0.2">
      <c r="A25" s="83"/>
      <c r="B25" s="94"/>
      <c r="C25" s="16" t="s">
        <v>16</v>
      </c>
      <c r="D25" s="17">
        <v>1070</v>
      </c>
      <c r="E25" s="18">
        <v>552</v>
      </c>
      <c r="F25" s="19">
        <v>518</v>
      </c>
      <c r="G25" s="20">
        <v>197</v>
      </c>
      <c r="H25" s="18">
        <v>118</v>
      </c>
      <c r="I25" s="21">
        <v>79</v>
      </c>
      <c r="J25" s="17">
        <v>164</v>
      </c>
      <c r="K25" s="18">
        <v>77</v>
      </c>
      <c r="L25" s="19">
        <v>87</v>
      </c>
      <c r="M25" s="20">
        <v>410</v>
      </c>
      <c r="N25" s="18">
        <v>205</v>
      </c>
      <c r="O25" s="21">
        <v>205</v>
      </c>
      <c r="P25" s="17">
        <v>299</v>
      </c>
      <c r="Q25" s="18">
        <v>152</v>
      </c>
      <c r="R25" s="22">
        <v>147</v>
      </c>
    </row>
    <row r="26" spans="1:18" ht="21" customHeight="1" x14ac:dyDescent="0.2">
      <c r="A26" s="84"/>
      <c r="B26" s="95"/>
      <c r="C26" s="30" t="s">
        <v>17</v>
      </c>
      <c r="D26" s="34">
        <v>1053</v>
      </c>
      <c r="E26" s="32">
        <v>508</v>
      </c>
      <c r="F26" s="35">
        <v>545</v>
      </c>
      <c r="G26" s="34">
        <v>120</v>
      </c>
      <c r="H26" s="32">
        <v>70</v>
      </c>
      <c r="I26" s="35">
        <v>50</v>
      </c>
      <c r="J26" s="34">
        <v>110</v>
      </c>
      <c r="K26" s="32">
        <v>57</v>
      </c>
      <c r="L26" s="35">
        <v>53</v>
      </c>
      <c r="M26" s="34">
        <v>391</v>
      </c>
      <c r="N26" s="32">
        <v>186</v>
      </c>
      <c r="O26" s="35">
        <v>205</v>
      </c>
      <c r="P26" s="34">
        <v>432</v>
      </c>
      <c r="Q26" s="32">
        <v>195</v>
      </c>
      <c r="R26" s="36">
        <v>237</v>
      </c>
    </row>
    <row r="27" spans="1:18" ht="21" customHeight="1" x14ac:dyDescent="0.2">
      <c r="A27" s="82">
        <v>1990</v>
      </c>
      <c r="B27" s="85" t="s">
        <v>24</v>
      </c>
      <c r="C27" s="9" t="s">
        <v>15</v>
      </c>
      <c r="D27" s="13">
        <v>1996</v>
      </c>
      <c r="E27" s="11">
        <v>973</v>
      </c>
      <c r="F27" s="14">
        <v>1023</v>
      </c>
      <c r="G27" s="13">
        <v>276</v>
      </c>
      <c r="H27" s="11">
        <v>139</v>
      </c>
      <c r="I27" s="14">
        <v>137</v>
      </c>
      <c r="J27" s="10">
        <v>363</v>
      </c>
      <c r="K27" s="11">
        <v>182</v>
      </c>
      <c r="L27" s="12">
        <v>181</v>
      </c>
      <c r="M27" s="13">
        <v>782</v>
      </c>
      <c r="N27" s="11">
        <v>377</v>
      </c>
      <c r="O27" s="14">
        <v>405</v>
      </c>
      <c r="P27" s="10">
        <v>575</v>
      </c>
      <c r="Q27" s="11">
        <v>275</v>
      </c>
      <c r="R27" s="15">
        <v>300</v>
      </c>
    </row>
    <row r="28" spans="1:18" ht="21" customHeight="1" x14ac:dyDescent="0.2">
      <c r="A28" s="83"/>
      <c r="B28" s="86"/>
      <c r="C28" s="16" t="s">
        <v>16</v>
      </c>
      <c r="D28" s="17">
        <v>973</v>
      </c>
      <c r="E28" s="18">
        <v>499</v>
      </c>
      <c r="F28" s="19">
        <v>474</v>
      </c>
      <c r="G28" s="20">
        <v>170</v>
      </c>
      <c r="H28" s="18">
        <v>104</v>
      </c>
      <c r="I28" s="21">
        <v>66</v>
      </c>
      <c r="J28" s="17">
        <v>165</v>
      </c>
      <c r="K28" s="18">
        <v>85</v>
      </c>
      <c r="L28" s="19">
        <v>80</v>
      </c>
      <c r="M28" s="20">
        <v>359</v>
      </c>
      <c r="N28" s="18">
        <v>173</v>
      </c>
      <c r="O28" s="21">
        <v>186</v>
      </c>
      <c r="P28" s="17">
        <v>279</v>
      </c>
      <c r="Q28" s="18">
        <v>137</v>
      </c>
      <c r="R28" s="22">
        <v>142</v>
      </c>
    </row>
    <row r="29" spans="1:18" ht="21" customHeight="1" x14ac:dyDescent="0.2">
      <c r="A29" s="84"/>
      <c r="B29" s="87"/>
      <c r="C29" s="30" t="s">
        <v>17</v>
      </c>
      <c r="D29" s="31">
        <v>860</v>
      </c>
      <c r="E29" s="32">
        <v>405</v>
      </c>
      <c r="F29" s="33">
        <v>455</v>
      </c>
      <c r="G29" s="34">
        <v>98</v>
      </c>
      <c r="H29" s="32">
        <v>54</v>
      </c>
      <c r="I29" s="35">
        <v>44</v>
      </c>
      <c r="J29" s="31">
        <v>77</v>
      </c>
      <c r="K29" s="32">
        <v>39</v>
      </c>
      <c r="L29" s="33">
        <v>38</v>
      </c>
      <c r="M29" s="34">
        <v>305</v>
      </c>
      <c r="N29" s="32">
        <v>144</v>
      </c>
      <c r="O29" s="35">
        <v>161</v>
      </c>
      <c r="P29" s="31">
        <v>380</v>
      </c>
      <c r="Q29" s="32">
        <v>168</v>
      </c>
      <c r="R29" s="36">
        <v>212</v>
      </c>
    </row>
    <row r="30" spans="1:18" ht="21" customHeight="1" x14ac:dyDescent="0.2">
      <c r="A30" s="91">
        <v>1993</v>
      </c>
      <c r="B30" s="89" t="s">
        <v>25</v>
      </c>
      <c r="C30" s="37" t="s">
        <v>15</v>
      </c>
      <c r="D30" s="38">
        <v>1772</v>
      </c>
      <c r="E30" s="39">
        <v>874</v>
      </c>
      <c r="F30" s="40">
        <v>898</v>
      </c>
      <c r="G30" s="41">
        <v>223</v>
      </c>
      <c r="H30" s="39">
        <v>119</v>
      </c>
      <c r="I30" s="42">
        <v>104</v>
      </c>
      <c r="J30" s="38">
        <v>311</v>
      </c>
      <c r="K30" s="39">
        <v>155</v>
      </c>
      <c r="L30" s="40">
        <v>156</v>
      </c>
      <c r="M30" s="41">
        <v>661</v>
      </c>
      <c r="N30" s="39">
        <v>317</v>
      </c>
      <c r="O30" s="42">
        <v>344</v>
      </c>
      <c r="P30" s="38">
        <v>577</v>
      </c>
      <c r="Q30" s="39">
        <v>283</v>
      </c>
      <c r="R30" s="43">
        <v>294</v>
      </c>
    </row>
    <row r="31" spans="1:18" ht="21" customHeight="1" x14ac:dyDescent="0.2">
      <c r="A31" s="83"/>
      <c r="B31" s="86"/>
      <c r="C31" s="16" t="s">
        <v>16</v>
      </c>
      <c r="D31" s="17">
        <v>887</v>
      </c>
      <c r="E31" s="18">
        <v>456</v>
      </c>
      <c r="F31" s="19">
        <v>431</v>
      </c>
      <c r="G31" s="44" t="s">
        <v>26</v>
      </c>
      <c r="H31" s="45" t="s">
        <v>26</v>
      </c>
      <c r="I31" s="46" t="s">
        <v>26</v>
      </c>
      <c r="J31" s="47" t="s">
        <v>26</v>
      </c>
      <c r="K31" s="45" t="s">
        <v>26</v>
      </c>
      <c r="L31" s="48" t="s">
        <v>26</v>
      </c>
      <c r="M31" s="44" t="s">
        <v>26</v>
      </c>
      <c r="N31" s="45" t="s">
        <v>26</v>
      </c>
      <c r="O31" s="46" t="s">
        <v>26</v>
      </c>
      <c r="P31" s="47" t="s">
        <v>26</v>
      </c>
      <c r="Q31" s="45" t="s">
        <v>26</v>
      </c>
      <c r="R31" s="49" t="s">
        <v>26</v>
      </c>
    </row>
    <row r="32" spans="1:18" ht="21" customHeight="1" x14ac:dyDescent="0.2">
      <c r="A32" s="92"/>
      <c r="B32" s="96"/>
      <c r="C32" s="23" t="s">
        <v>17</v>
      </c>
      <c r="D32" s="24">
        <v>725</v>
      </c>
      <c r="E32" s="25">
        <v>346</v>
      </c>
      <c r="F32" s="26">
        <v>379</v>
      </c>
      <c r="G32" s="50" t="s">
        <v>26</v>
      </c>
      <c r="H32" s="51" t="s">
        <v>26</v>
      </c>
      <c r="I32" s="52" t="s">
        <v>26</v>
      </c>
      <c r="J32" s="53" t="s">
        <v>26</v>
      </c>
      <c r="K32" s="51" t="s">
        <v>26</v>
      </c>
      <c r="L32" s="54" t="s">
        <v>26</v>
      </c>
      <c r="M32" s="50" t="s">
        <v>26</v>
      </c>
      <c r="N32" s="51" t="s">
        <v>26</v>
      </c>
      <c r="O32" s="52" t="s">
        <v>26</v>
      </c>
      <c r="P32" s="53" t="s">
        <v>26</v>
      </c>
      <c r="Q32" s="51" t="s">
        <v>26</v>
      </c>
      <c r="R32" s="55" t="s">
        <v>26</v>
      </c>
    </row>
    <row r="33" spans="1:18" ht="21" customHeight="1" x14ac:dyDescent="0.2">
      <c r="A33" s="82">
        <v>1995</v>
      </c>
      <c r="B33" s="85" t="s">
        <v>27</v>
      </c>
      <c r="C33" s="9" t="s">
        <v>15</v>
      </c>
      <c r="D33" s="10">
        <v>1628</v>
      </c>
      <c r="E33" s="11">
        <v>795</v>
      </c>
      <c r="F33" s="12">
        <v>833</v>
      </c>
      <c r="G33" s="13">
        <v>152</v>
      </c>
      <c r="H33" s="11">
        <v>73</v>
      </c>
      <c r="I33" s="14">
        <v>79</v>
      </c>
      <c r="J33" s="10">
        <v>286</v>
      </c>
      <c r="K33" s="11">
        <v>146</v>
      </c>
      <c r="L33" s="12">
        <v>140</v>
      </c>
      <c r="M33" s="13">
        <v>610</v>
      </c>
      <c r="N33" s="11">
        <v>291</v>
      </c>
      <c r="O33" s="14">
        <v>319</v>
      </c>
      <c r="P33" s="10">
        <v>580</v>
      </c>
      <c r="Q33" s="11">
        <v>285</v>
      </c>
      <c r="R33" s="15">
        <v>295</v>
      </c>
    </row>
    <row r="34" spans="1:18" ht="21" customHeight="1" x14ac:dyDescent="0.2">
      <c r="A34" s="83"/>
      <c r="B34" s="86"/>
      <c r="C34" s="16" t="s">
        <v>16</v>
      </c>
      <c r="D34" s="17">
        <v>769</v>
      </c>
      <c r="E34" s="18">
        <v>400</v>
      </c>
      <c r="F34" s="19">
        <v>369</v>
      </c>
      <c r="G34" s="20">
        <v>117</v>
      </c>
      <c r="H34" s="18">
        <v>66</v>
      </c>
      <c r="I34" s="21">
        <v>51</v>
      </c>
      <c r="J34" s="17">
        <v>106</v>
      </c>
      <c r="K34" s="18">
        <v>69</v>
      </c>
      <c r="L34" s="19">
        <v>37</v>
      </c>
      <c r="M34" s="20">
        <v>290</v>
      </c>
      <c r="N34" s="18">
        <v>139</v>
      </c>
      <c r="O34" s="21">
        <v>151</v>
      </c>
      <c r="P34" s="17">
        <v>256</v>
      </c>
      <c r="Q34" s="18">
        <v>126</v>
      </c>
      <c r="R34" s="22">
        <v>130</v>
      </c>
    </row>
    <row r="35" spans="1:18" ht="21" customHeight="1" x14ac:dyDescent="0.2">
      <c r="A35" s="84"/>
      <c r="B35" s="87"/>
      <c r="C35" s="30" t="s">
        <v>17</v>
      </c>
      <c r="D35" s="31">
        <v>731</v>
      </c>
      <c r="E35" s="32">
        <v>350</v>
      </c>
      <c r="F35" s="33">
        <v>381</v>
      </c>
      <c r="G35" s="34">
        <v>78</v>
      </c>
      <c r="H35" s="32">
        <v>43</v>
      </c>
      <c r="I35" s="35">
        <v>35</v>
      </c>
      <c r="J35" s="31">
        <v>56</v>
      </c>
      <c r="K35" s="32">
        <v>28</v>
      </c>
      <c r="L35" s="33">
        <v>28</v>
      </c>
      <c r="M35" s="34">
        <v>229</v>
      </c>
      <c r="N35" s="32">
        <v>107</v>
      </c>
      <c r="O35" s="35">
        <v>122</v>
      </c>
      <c r="P35" s="31">
        <v>368</v>
      </c>
      <c r="Q35" s="32">
        <v>172</v>
      </c>
      <c r="R35" s="36">
        <v>196</v>
      </c>
    </row>
    <row r="36" spans="1:18" ht="21" customHeight="1" x14ac:dyDescent="0.2">
      <c r="A36" s="91">
        <v>1998</v>
      </c>
      <c r="B36" s="89" t="s">
        <v>28</v>
      </c>
      <c r="C36" s="37" t="s">
        <v>29</v>
      </c>
      <c r="D36" s="38">
        <v>1452</v>
      </c>
      <c r="E36" s="39">
        <v>713</v>
      </c>
      <c r="F36" s="40">
        <v>739</v>
      </c>
      <c r="G36" s="41">
        <v>146</v>
      </c>
      <c r="H36" s="39">
        <v>72</v>
      </c>
      <c r="I36" s="42">
        <v>74</v>
      </c>
      <c r="J36" s="38">
        <v>240</v>
      </c>
      <c r="K36" s="39">
        <v>127</v>
      </c>
      <c r="L36" s="40">
        <v>113</v>
      </c>
      <c r="M36" s="41">
        <v>507</v>
      </c>
      <c r="N36" s="39">
        <v>245</v>
      </c>
      <c r="O36" s="42">
        <v>262</v>
      </c>
      <c r="P36" s="38">
        <v>559</v>
      </c>
      <c r="Q36" s="39">
        <v>269</v>
      </c>
      <c r="R36" s="43">
        <v>290</v>
      </c>
    </row>
    <row r="37" spans="1:18" ht="21" customHeight="1" x14ac:dyDescent="0.2">
      <c r="A37" s="83"/>
      <c r="B37" s="86"/>
      <c r="C37" s="16" t="s">
        <v>16</v>
      </c>
      <c r="D37" s="17">
        <v>714</v>
      </c>
      <c r="E37" s="18">
        <v>363</v>
      </c>
      <c r="F37" s="19">
        <v>351</v>
      </c>
      <c r="G37" s="44" t="s">
        <v>26</v>
      </c>
      <c r="H37" s="45" t="s">
        <v>26</v>
      </c>
      <c r="I37" s="46" t="s">
        <v>26</v>
      </c>
      <c r="J37" s="47" t="s">
        <v>26</v>
      </c>
      <c r="K37" s="45" t="s">
        <v>26</v>
      </c>
      <c r="L37" s="48" t="s">
        <v>26</v>
      </c>
      <c r="M37" s="44" t="s">
        <v>26</v>
      </c>
      <c r="N37" s="45" t="s">
        <v>26</v>
      </c>
      <c r="O37" s="46" t="s">
        <v>26</v>
      </c>
      <c r="P37" s="47" t="s">
        <v>26</v>
      </c>
      <c r="Q37" s="45" t="s">
        <v>26</v>
      </c>
      <c r="R37" s="49" t="s">
        <v>26</v>
      </c>
    </row>
    <row r="38" spans="1:18" ht="21" customHeight="1" x14ac:dyDescent="0.2">
      <c r="A38" s="92"/>
      <c r="B38" s="96"/>
      <c r="C38" s="23" t="s">
        <v>17</v>
      </c>
      <c r="D38" s="24">
        <v>634</v>
      </c>
      <c r="E38" s="25">
        <v>304</v>
      </c>
      <c r="F38" s="26">
        <v>330</v>
      </c>
      <c r="G38" s="50" t="s">
        <v>26</v>
      </c>
      <c r="H38" s="51" t="s">
        <v>26</v>
      </c>
      <c r="I38" s="52" t="s">
        <v>26</v>
      </c>
      <c r="J38" s="53" t="s">
        <v>26</v>
      </c>
      <c r="K38" s="51" t="s">
        <v>26</v>
      </c>
      <c r="L38" s="54" t="s">
        <v>26</v>
      </c>
      <c r="M38" s="50" t="s">
        <v>26</v>
      </c>
      <c r="N38" s="51" t="s">
        <v>26</v>
      </c>
      <c r="O38" s="52" t="s">
        <v>26</v>
      </c>
      <c r="P38" s="53" t="s">
        <v>26</v>
      </c>
      <c r="Q38" s="51" t="s">
        <v>26</v>
      </c>
      <c r="R38" s="55" t="s">
        <v>26</v>
      </c>
    </row>
    <row r="39" spans="1:18" ht="21" customHeight="1" x14ac:dyDescent="0.2">
      <c r="A39" s="82">
        <v>2000</v>
      </c>
      <c r="B39" s="85" t="s">
        <v>30</v>
      </c>
      <c r="C39" s="9" t="s">
        <v>29</v>
      </c>
      <c r="D39" s="10">
        <v>1382</v>
      </c>
      <c r="E39" s="11">
        <v>680</v>
      </c>
      <c r="F39" s="12">
        <v>702</v>
      </c>
      <c r="G39" s="13">
        <v>109</v>
      </c>
      <c r="H39" s="11">
        <v>55</v>
      </c>
      <c r="I39" s="14">
        <v>54</v>
      </c>
      <c r="J39" s="10">
        <v>234</v>
      </c>
      <c r="K39" s="11">
        <v>124</v>
      </c>
      <c r="L39" s="12">
        <v>110</v>
      </c>
      <c r="M39" s="13">
        <v>476</v>
      </c>
      <c r="N39" s="11">
        <v>228</v>
      </c>
      <c r="O39" s="14">
        <v>248</v>
      </c>
      <c r="P39" s="10">
        <v>563</v>
      </c>
      <c r="Q39" s="11">
        <v>273</v>
      </c>
      <c r="R39" s="15">
        <v>290</v>
      </c>
    </row>
    <row r="40" spans="1:18" ht="21" customHeight="1" x14ac:dyDescent="0.2">
      <c r="A40" s="83"/>
      <c r="B40" s="86"/>
      <c r="C40" s="16" t="s">
        <v>16</v>
      </c>
      <c r="D40" s="17">
        <v>674</v>
      </c>
      <c r="E40" s="18">
        <v>340</v>
      </c>
      <c r="F40" s="19">
        <v>334</v>
      </c>
      <c r="G40" s="20">
        <v>76</v>
      </c>
      <c r="H40" s="18">
        <v>39</v>
      </c>
      <c r="I40" s="21">
        <v>37</v>
      </c>
      <c r="J40" s="17">
        <v>97</v>
      </c>
      <c r="K40" s="18">
        <v>61</v>
      </c>
      <c r="L40" s="19">
        <v>36</v>
      </c>
      <c r="M40" s="20">
        <v>238</v>
      </c>
      <c r="N40" s="18">
        <v>114</v>
      </c>
      <c r="O40" s="21">
        <v>124</v>
      </c>
      <c r="P40" s="20">
        <v>263</v>
      </c>
      <c r="Q40" s="18">
        <v>126</v>
      </c>
      <c r="R40" s="22">
        <v>137</v>
      </c>
    </row>
    <row r="41" spans="1:18" ht="21" customHeight="1" x14ac:dyDescent="0.2">
      <c r="A41" s="84"/>
      <c r="B41" s="87"/>
      <c r="C41" s="30" t="s">
        <v>17</v>
      </c>
      <c r="D41" s="31">
        <v>560</v>
      </c>
      <c r="E41" s="32">
        <v>264</v>
      </c>
      <c r="F41" s="33">
        <v>296</v>
      </c>
      <c r="G41" s="34">
        <v>51</v>
      </c>
      <c r="H41" s="32">
        <v>22</v>
      </c>
      <c r="I41" s="35">
        <v>29</v>
      </c>
      <c r="J41" s="31">
        <v>54</v>
      </c>
      <c r="K41" s="32">
        <v>32</v>
      </c>
      <c r="L41" s="33">
        <v>22</v>
      </c>
      <c r="M41" s="34">
        <v>174</v>
      </c>
      <c r="N41" s="32">
        <v>81</v>
      </c>
      <c r="O41" s="35">
        <v>93</v>
      </c>
      <c r="P41" s="31">
        <v>281</v>
      </c>
      <c r="Q41" s="32">
        <v>129</v>
      </c>
      <c r="R41" s="36">
        <v>152</v>
      </c>
    </row>
    <row r="42" spans="1:18" ht="21" customHeight="1" x14ac:dyDescent="0.2">
      <c r="A42" s="82">
        <v>2005</v>
      </c>
      <c r="B42" s="85" t="s">
        <v>31</v>
      </c>
      <c r="C42" s="56" t="s">
        <v>32</v>
      </c>
      <c r="D42" s="10">
        <v>895</v>
      </c>
      <c r="E42" s="11">
        <v>446</v>
      </c>
      <c r="F42" s="12">
        <v>449</v>
      </c>
      <c r="G42" s="13">
        <v>71</v>
      </c>
      <c r="H42" s="11">
        <v>34</v>
      </c>
      <c r="I42" s="14">
        <v>37</v>
      </c>
      <c r="J42" s="10">
        <v>106</v>
      </c>
      <c r="K42" s="11">
        <v>54</v>
      </c>
      <c r="L42" s="12">
        <v>52</v>
      </c>
      <c r="M42" s="13">
        <v>310</v>
      </c>
      <c r="N42" s="11">
        <v>163</v>
      </c>
      <c r="O42" s="14">
        <v>147</v>
      </c>
      <c r="P42" s="10">
        <v>408</v>
      </c>
      <c r="Q42" s="11">
        <v>195</v>
      </c>
      <c r="R42" s="15">
        <v>213</v>
      </c>
    </row>
    <row r="43" spans="1:18" ht="21" customHeight="1" x14ac:dyDescent="0.2">
      <c r="A43" s="83"/>
      <c r="B43" s="86"/>
      <c r="C43" s="57" t="s">
        <v>33</v>
      </c>
      <c r="D43" s="17">
        <v>467</v>
      </c>
      <c r="E43" s="18">
        <v>226</v>
      </c>
      <c r="F43" s="19">
        <v>241</v>
      </c>
      <c r="G43" s="20">
        <v>42</v>
      </c>
      <c r="H43" s="18">
        <v>17</v>
      </c>
      <c r="I43" s="21">
        <v>25</v>
      </c>
      <c r="J43" s="17">
        <v>60</v>
      </c>
      <c r="K43" s="18">
        <v>37</v>
      </c>
      <c r="L43" s="19">
        <v>23</v>
      </c>
      <c r="M43" s="20">
        <v>166</v>
      </c>
      <c r="N43" s="18">
        <v>82</v>
      </c>
      <c r="O43" s="21">
        <v>84</v>
      </c>
      <c r="P43" s="17">
        <v>199</v>
      </c>
      <c r="Q43" s="18">
        <v>90</v>
      </c>
      <c r="R43" s="22">
        <v>109</v>
      </c>
    </row>
    <row r="44" spans="1:18" ht="21" customHeight="1" x14ac:dyDescent="0.2">
      <c r="A44" s="84"/>
      <c r="B44" s="87"/>
      <c r="C44" s="58" t="s">
        <v>34</v>
      </c>
      <c r="D44" s="31">
        <v>317</v>
      </c>
      <c r="E44" s="32">
        <v>156</v>
      </c>
      <c r="F44" s="33">
        <v>161</v>
      </c>
      <c r="G44" s="34">
        <v>24</v>
      </c>
      <c r="H44" s="32">
        <v>14</v>
      </c>
      <c r="I44" s="35">
        <v>10</v>
      </c>
      <c r="J44" s="31">
        <v>30</v>
      </c>
      <c r="K44" s="32">
        <v>14</v>
      </c>
      <c r="L44" s="33">
        <v>16</v>
      </c>
      <c r="M44" s="34">
        <v>102</v>
      </c>
      <c r="N44" s="32">
        <v>54</v>
      </c>
      <c r="O44" s="35">
        <v>48</v>
      </c>
      <c r="P44" s="31">
        <v>161</v>
      </c>
      <c r="Q44" s="32">
        <v>74</v>
      </c>
      <c r="R44" s="36">
        <v>87</v>
      </c>
    </row>
    <row r="45" spans="1:18" ht="21" customHeight="1" x14ac:dyDescent="0.2">
      <c r="A45" s="82">
        <v>2010</v>
      </c>
      <c r="B45" s="85" t="s">
        <v>35</v>
      </c>
      <c r="C45" s="56" t="s">
        <v>32</v>
      </c>
      <c r="D45" s="10">
        <v>714</v>
      </c>
      <c r="E45" s="59">
        <v>357</v>
      </c>
      <c r="F45" s="60">
        <v>357</v>
      </c>
      <c r="G45" s="13">
        <v>59</v>
      </c>
      <c r="H45" s="61">
        <v>24</v>
      </c>
      <c r="I45" s="62">
        <v>35</v>
      </c>
      <c r="J45" s="10">
        <v>79</v>
      </c>
      <c r="K45" s="59">
        <v>42</v>
      </c>
      <c r="L45" s="60">
        <v>37</v>
      </c>
      <c r="M45" s="13">
        <v>236</v>
      </c>
      <c r="N45" s="59">
        <v>122</v>
      </c>
      <c r="O45" s="63">
        <v>114</v>
      </c>
      <c r="P45" s="10">
        <v>340</v>
      </c>
      <c r="Q45" s="64">
        <v>169</v>
      </c>
      <c r="R45" s="65">
        <v>171</v>
      </c>
    </row>
    <row r="46" spans="1:18" ht="21" customHeight="1" x14ac:dyDescent="0.2">
      <c r="A46" s="83"/>
      <c r="B46" s="86"/>
      <c r="C46" s="57" t="s">
        <v>33</v>
      </c>
      <c r="D46" s="17">
        <v>371</v>
      </c>
      <c r="E46" s="18">
        <v>176</v>
      </c>
      <c r="F46" s="19">
        <v>195</v>
      </c>
      <c r="G46" s="20">
        <v>27</v>
      </c>
      <c r="H46" s="18">
        <v>10</v>
      </c>
      <c r="I46" s="21">
        <v>17</v>
      </c>
      <c r="J46" s="17">
        <v>40</v>
      </c>
      <c r="K46" s="18">
        <v>19</v>
      </c>
      <c r="L46" s="19">
        <v>21</v>
      </c>
      <c r="M46" s="20">
        <v>130</v>
      </c>
      <c r="N46" s="18">
        <v>63</v>
      </c>
      <c r="O46" s="21">
        <v>67</v>
      </c>
      <c r="P46" s="17">
        <v>174</v>
      </c>
      <c r="Q46" s="18">
        <v>84</v>
      </c>
      <c r="R46" s="22">
        <v>90</v>
      </c>
    </row>
    <row r="47" spans="1:18" ht="21" customHeight="1" x14ac:dyDescent="0.2">
      <c r="A47" s="84"/>
      <c r="B47" s="87"/>
      <c r="C47" s="58" t="s">
        <v>34</v>
      </c>
      <c r="D47" s="31">
        <v>230</v>
      </c>
      <c r="E47" s="32">
        <v>112</v>
      </c>
      <c r="F47" s="33">
        <v>118</v>
      </c>
      <c r="G47" s="34">
        <v>14</v>
      </c>
      <c r="H47" s="32">
        <v>5</v>
      </c>
      <c r="I47" s="35">
        <v>9</v>
      </c>
      <c r="J47" s="31">
        <v>16</v>
      </c>
      <c r="K47" s="32">
        <v>10</v>
      </c>
      <c r="L47" s="33">
        <v>6</v>
      </c>
      <c r="M47" s="34">
        <v>80</v>
      </c>
      <c r="N47" s="32">
        <v>45</v>
      </c>
      <c r="O47" s="33">
        <v>35</v>
      </c>
      <c r="P47" s="34">
        <v>120</v>
      </c>
      <c r="Q47" s="32">
        <v>52</v>
      </c>
      <c r="R47" s="36">
        <v>68</v>
      </c>
    </row>
    <row r="48" spans="1:18" ht="21" customHeight="1" x14ac:dyDescent="0.2">
      <c r="A48" s="91">
        <v>2015</v>
      </c>
      <c r="B48" s="93" t="s">
        <v>36</v>
      </c>
      <c r="C48" s="66" t="s">
        <v>32</v>
      </c>
      <c r="D48" s="38">
        <v>522</v>
      </c>
      <c r="E48" s="67">
        <v>261</v>
      </c>
      <c r="F48" s="68">
        <v>261</v>
      </c>
      <c r="G48" s="41">
        <v>18</v>
      </c>
      <c r="H48" s="69">
        <v>6</v>
      </c>
      <c r="I48" s="70">
        <v>12</v>
      </c>
      <c r="J48" s="38">
        <v>49</v>
      </c>
      <c r="K48" s="67">
        <v>22</v>
      </c>
      <c r="L48" s="68">
        <v>27</v>
      </c>
      <c r="M48" s="41">
        <v>164</v>
      </c>
      <c r="N48" s="67">
        <v>89</v>
      </c>
      <c r="O48" s="68">
        <v>75</v>
      </c>
      <c r="P48" s="41">
        <v>291</v>
      </c>
      <c r="Q48" s="71">
        <v>144</v>
      </c>
      <c r="R48" s="72">
        <v>147</v>
      </c>
    </row>
    <row r="49" spans="1:18" ht="21" customHeight="1" x14ac:dyDescent="0.2">
      <c r="A49" s="83"/>
      <c r="B49" s="94"/>
      <c r="C49" s="57" t="s">
        <v>33</v>
      </c>
      <c r="D49" s="17">
        <v>304</v>
      </c>
      <c r="E49" s="18">
        <v>157</v>
      </c>
      <c r="F49" s="19">
        <v>147</v>
      </c>
      <c r="G49" s="20">
        <v>9</v>
      </c>
      <c r="H49" s="18">
        <v>4</v>
      </c>
      <c r="I49" s="21">
        <v>5</v>
      </c>
      <c r="J49" s="17">
        <v>28</v>
      </c>
      <c r="K49" s="18">
        <v>16</v>
      </c>
      <c r="L49" s="19">
        <v>12</v>
      </c>
      <c r="M49" s="20">
        <v>95</v>
      </c>
      <c r="N49" s="18">
        <v>51</v>
      </c>
      <c r="O49" s="19">
        <v>44</v>
      </c>
      <c r="P49" s="20">
        <v>172</v>
      </c>
      <c r="Q49" s="18">
        <v>86</v>
      </c>
      <c r="R49" s="22">
        <v>86</v>
      </c>
    </row>
    <row r="50" spans="1:18" ht="21" customHeight="1" x14ac:dyDescent="0.2">
      <c r="A50" s="92"/>
      <c r="B50" s="95"/>
      <c r="C50" s="80" t="s">
        <v>34</v>
      </c>
      <c r="D50" s="34">
        <v>184</v>
      </c>
      <c r="E50" s="32">
        <v>92</v>
      </c>
      <c r="F50" s="35">
        <v>92</v>
      </c>
      <c r="G50" s="27">
        <v>11</v>
      </c>
      <c r="H50" s="25">
        <v>6</v>
      </c>
      <c r="I50" s="35">
        <v>5</v>
      </c>
      <c r="J50" s="24">
        <v>12</v>
      </c>
      <c r="K50" s="32">
        <v>5</v>
      </c>
      <c r="L50" s="26">
        <v>7</v>
      </c>
      <c r="M50" s="34">
        <v>66</v>
      </c>
      <c r="N50" s="32">
        <v>34</v>
      </c>
      <c r="O50" s="26">
        <v>32</v>
      </c>
      <c r="P50" s="27">
        <v>95</v>
      </c>
      <c r="Q50" s="32">
        <v>47</v>
      </c>
      <c r="R50" s="29">
        <v>48</v>
      </c>
    </row>
    <row r="51" spans="1:18" ht="21" customHeight="1" x14ac:dyDescent="0.2">
      <c r="A51" s="82">
        <v>2020</v>
      </c>
      <c r="B51" s="89" t="s">
        <v>38</v>
      </c>
      <c r="C51" s="56" t="s">
        <v>32</v>
      </c>
      <c r="D51" s="38">
        <v>427</v>
      </c>
      <c r="E51" s="67">
        <v>219</v>
      </c>
      <c r="F51" s="68">
        <v>208</v>
      </c>
      <c r="G51" s="13">
        <v>27</v>
      </c>
      <c r="H51" s="61">
        <v>12</v>
      </c>
      <c r="I51" s="70">
        <v>15</v>
      </c>
      <c r="J51" s="13">
        <v>43</v>
      </c>
      <c r="K51" s="67">
        <v>24</v>
      </c>
      <c r="L51" s="63">
        <v>19</v>
      </c>
      <c r="M51" s="41">
        <v>124</v>
      </c>
      <c r="N51" s="67">
        <v>69</v>
      </c>
      <c r="O51" s="63">
        <v>55</v>
      </c>
      <c r="P51" s="13">
        <v>233</v>
      </c>
      <c r="Q51" s="71">
        <v>114</v>
      </c>
      <c r="R51" s="65">
        <v>119</v>
      </c>
    </row>
    <row r="52" spans="1:18" ht="21" customHeight="1" x14ac:dyDescent="0.2">
      <c r="A52" s="83"/>
      <c r="B52" s="86"/>
      <c r="C52" s="57" t="s">
        <v>33</v>
      </c>
      <c r="D52" s="17">
        <v>269</v>
      </c>
      <c r="E52" s="18">
        <v>140</v>
      </c>
      <c r="F52" s="19">
        <v>129</v>
      </c>
      <c r="G52" s="20">
        <v>20</v>
      </c>
      <c r="H52" s="18">
        <v>12</v>
      </c>
      <c r="I52" s="21">
        <v>8</v>
      </c>
      <c r="J52" s="17">
        <v>13</v>
      </c>
      <c r="K52" s="18">
        <v>6</v>
      </c>
      <c r="L52" s="19">
        <v>7</v>
      </c>
      <c r="M52" s="20">
        <v>87</v>
      </c>
      <c r="N52" s="18">
        <v>48</v>
      </c>
      <c r="O52" s="19">
        <v>39</v>
      </c>
      <c r="P52" s="20">
        <v>149</v>
      </c>
      <c r="Q52" s="18">
        <v>74</v>
      </c>
      <c r="R52" s="22">
        <v>75</v>
      </c>
    </row>
    <row r="53" spans="1:18" ht="21" customHeight="1" thickBot="1" x14ac:dyDescent="0.25">
      <c r="A53" s="88"/>
      <c r="B53" s="90"/>
      <c r="C53" s="73" t="s">
        <v>34</v>
      </c>
      <c r="D53" s="74">
        <v>142</v>
      </c>
      <c r="E53" s="75">
        <v>71</v>
      </c>
      <c r="F53" s="76">
        <v>71</v>
      </c>
      <c r="G53" s="77">
        <v>18</v>
      </c>
      <c r="H53" s="75">
        <v>9</v>
      </c>
      <c r="I53" s="78">
        <v>9</v>
      </c>
      <c r="J53" s="74">
        <v>7</v>
      </c>
      <c r="K53" s="75">
        <v>4</v>
      </c>
      <c r="L53" s="76">
        <v>3</v>
      </c>
      <c r="M53" s="77">
        <v>50</v>
      </c>
      <c r="N53" s="75">
        <v>26</v>
      </c>
      <c r="O53" s="76">
        <v>24</v>
      </c>
      <c r="P53" s="77">
        <v>67</v>
      </c>
      <c r="Q53" s="75">
        <v>32</v>
      </c>
      <c r="R53" s="79">
        <v>35</v>
      </c>
    </row>
    <row r="54" spans="1:18" ht="16.2" customHeight="1" x14ac:dyDescent="0.2">
      <c r="B54" s="81" t="s">
        <v>37</v>
      </c>
      <c r="C54" s="81"/>
      <c r="D54" s="81"/>
      <c r="E54" s="81"/>
      <c r="F54" s="81"/>
      <c r="G54" s="81"/>
      <c r="H54" s="81"/>
      <c r="I54" s="81"/>
      <c r="J54" s="81"/>
      <c r="K54" s="81"/>
      <c r="L54" s="81"/>
    </row>
  </sheetData>
  <autoFilter ref="A5:R54" xr:uid="{00000000-0009-0000-0000-000000000000}"/>
  <mergeCells count="41">
    <mergeCell ref="B2:R2"/>
    <mergeCell ref="A4:A5"/>
    <mergeCell ref="B4:B5"/>
    <mergeCell ref="C4:C5"/>
    <mergeCell ref="D4:F4"/>
    <mergeCell ref="G4:I4"/>
    <mergeCell ref="J4:L4"/>
    <mergeCell ref="M4:O4"/>
    <mergeCell ref="P4:R4"/>
    <mergeCell ref="A6:A8"/>
    <mergeCell ref="B6:B8"/>
    <mergeCell ref="A9:A11"/>
    <mergeCell ref="B9:B11"/>
    <mergeCell ref="A12:A14"/>
    <mergeCell ref="B12:B14"/>
    <mergeCell ref="A15:A17"/>
    <mergeCell ref="B15:B17"/>
    <mergeCell ref="A18:A20"/>
    <mergeCell ref="B18:B20"/>
    <mergeCell ref="A21:A23"/>
    <mergeCell ref="B21:B23"/>
    <mergeCell ref="A24:A26"/>
    <mergeCell ref="B24:B26"/>
    <mergeCell ref="A27:A29"/>
    <mergeCell ref="B27:B29"/>
    <mergeCell ref="A30:A32"/>
    <mergeCell ref="B30:B32"/>
    <mergeCell ref="A33:A35"/>
    <mergeCell ref="B33:B35"/>
    <mergeCell ref="A36:A38"/>
    <mergeCell ref="B36:B38"/>
    <mergeCell ref="A39:A41"/>
    <mergeCell ref="B39:B41"/>
    <mergeCell ref="A42:A44"/>
    <mergeCell ref="B42:B44"/>
    <mergeCell ref="A45:A47"/>
    <mergeCell ref="B45:B47"/>
    <mergeCell ref="A51:A53"/>
    <mergeCell ref="B51:B53"/>
    <mergeCell ref="A48:A50"/>
    <mergeCell ref="B48:B50"/>
  </mergeCells>
  <phoneticPr fontId="3"/>
  <printOptions horizontalCentered="1"/>
  <pageMargins left="0.78740157480314965" right="0.78740157480314965" top="0.82677165354330717" bottom="0.39370078740157483" header="0.43307086614173229" footer="0.19685039370078741"/>
  <pageSetup paperSize="9" scale="83" orientation="landscape" horizontalDpi="300" verticalDpi="300" r:id="rId1"/>
  <headerFooter alignWithMargins="0"/>
  <rowBreaks count="1" manualBreakCount="1">
    <brk id="29" max="17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1-2  年齢区分別・男女別農業～</vt:lpstr>
      <vt:lpstr>'1-2  年齢区分別・男女別農業～'!Print_Area</vt:lpstr>
      <vt:lpstr>'1-2  年齢区分別・男女別農業～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作田　洋二</dc:creator>
  <cp:lastModifiedBy>Administrator</cp:lastModifiedBy>
  <cp:lastPrinted>2021-09-22T06:40:39Z</cp:lastPrinted>
  <dcterms:created xsi:type="dcterms:W3CDTF">2017-10-24T07:30:37Z</dcterms:created>
  <dcterms:modified xsi:type="dcterms:W3CDTF">2021-09-30T00:52:33Z</dcterms:modified>
</cp:coreProperties>
</file>